
<file path=[Content_Types].xml><?xml version="1.0" encoding="utf-8"?>
<Types xmlns="http://schemas.openxmlformats.org/package/2006/content-types">
  <Default Extension="emf" ContentType="image/x-emf"/>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31"/>
  </p:notesMasterIdLst>
  <p:sldIdLst>
    <p:sldId id="299" r:id="rId2"/>
    <p:sldId id="308" r:id="rId3"/>
    <p:sldId id="309" r:id="rId4"/>
    <p:sldId id="311" r:id="rId5"/>
    <p:sldId id="313" r:id="rId6"/>
    <p:sldId id="307" r:id="rId7"/>
    <p:sldId id="327" r:id="rId8"/>
    <p:sldId id="329" r:id="rId9"/>
    <p:sldId id="345" r:id="rId10"/>
    <p:sldId id="314" r:id="rId11"/>
    <p:sldId id="316" r:id="rId12"/>
    <p:sldId id="315" r:id="rId13"/>
    <p:sldId id="317" r:id="rId14"/>
    <p:sldId id="332" r:id="rId15"/>
    <p:sldId id="333" r:id="rId16"/>
    <p:sldId id="334" r:id="rId17"/>
    <p:sldId id="335" r:id="rId18"/>
    <p:sldId id="336" r:id="rId19"/>
    <p:sldId id="337" r:id="rId20"/>
    <p:sldId id="338" r:id="rId21"/>
    <p:sldId id="323" r:id="rId22"/>
    <p:sldId id="339" r:id="rId23"/>
    <p:sldId id="340" r:id="rId24"/>
    <p:sldId id="341" r:id="rId25"/>
    <p:sldId id="342" r:id="rId26"/>
    <p:sldId id="343" r:id="rId27"/>
    <p:sldId id="344" r:id="rId28"/>
    <p:sldId id="326" r:id="rId29"/>
    <p:sldId id="272" r:id="rId30"/>
  </p:sldIdLst>
  <p:sldSz cx="12192000" cy="6858000"/>
  <p:notesSz cx="9601200" cy="7315200"/>
  <p:custDataLst>
    <p:tags r:id="rId3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1850" autoAdjust="0"/>
    <p:restoredTop sz="72653" autoAdjust="0"/>
  </p:normalViewPr>
  <p:slideViewPr>
    <p:cSldViewPr snapToGrid="0" showGuides="1">
      <p:cViewPr varScale="1">
        <p:scale>
          <a:sx n="91" d="100"/>
          <a:sy n="91" d="100"/>
        </p:scale>
        <p:origin x="2160" y="184"/>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viewProps" Target="view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theme" Target="theme/theme1.xml"/><Relationship Id="rId8" Type="http://schemas.openxmlformats.org/officeDocument/2006/relationships/slide" Target="slides/slide7.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22.xml.rels><?xml version="1.0" encoding="utf-8"?>
<Relationships xmlns="http://schemas.openxmlformats.org/package/2006/relationships"><Relationship Id="rId2" Target="../slides/slide22.xml" Type="http://schemas.openxmlformats.org/officeDocument/2006/relationships/slide"/><Relationship Id="rId1" Target="../notesMasters/notesMaster1.xml" Type="http://schemas.openxmlformats.org/officeDocument/2006/relationships/notesMaster"/></Relationships>
</file>

<file path=ppt/notesSlides/_rels/notesSlide23.xml.rels><?xml version="1.0" encoding="utf-8"?>
<Relationships xmlns="http://schemas.openxmlformats.org/package/2006/relationships"><Relationship Id="rId2" Target="../slides/slide23.xml" Type="http://schemas.openxmlformats.org/officeDocument/2006/relationships/slide"/><Relationship Id="rId1" Target="../notesMasters/notesMaster1.xml" Type="http://schemas.openxmlformats.org/officeDocument/2006/relationships/notesMaster"/></Relationships>
</file>

<file path=ppt/notesSlides/_rels/notesSlide24.xml.rels><?xml version="1.0" encoding="utf-8"?>
<Relationships xmlns="http://schemas.openxmlformats.org/package/2006/relationships"><Relationship Id="rId2" Target="../slides/slide24.xml" Type="http://schemas.openxmlformats.org/officeDocument/2006/relationships/slide"/><Relationship Id="rId1" Target="../notesMasters/notesMaster1.xml" Type="http://schemas.openxmlformats.org/officeDocument/2006/relationships/notesMaster"/></Relationships>
</file>

<file path=ppt/notesSlides/_rels/notesSlide25.xml.rels><?xml version="1.0" encoding="utf-8"?>
<Relationships xmlns="http://schemas.openxmlformats.org/package/2006/relationships"><Relationship Id="rId2" Target="../slides/slide25.xml" Type="http://schemas.openxmlformats.org/officeDocument/2006/relationships/slide"/><Relationship Id="rId1" Target="../notesMasters/notesMaster1.xml" Type="http://schemas.openxmlformats.org/officeDocument/2006/relationships/notesMaster"/></Relationships>
</file>

<file path=ppt/notesSlides/_rels/notesSlide26.xml.rels><?xml version="1.0" encoding="utf-8"?>
<Relationships xmlns="http://schemas.openxmlformats.org/package/2006/relationships"><Relationship Id="rId2" Target="../slides/slide26.xml" Type="http://schemas.openxmlformats.org/officeDocument/2006/relationships/slide"/><Relationship Id="rId1" Target="../notesMasters/notesMaster1.xml" Type="http://schemas.openxmlformats.org/officeDocument/2006/relationships/notesMaster"/></Relationships>
</file>

<file path=ppt/notesSlides/_rels/notesSlide27.xml.rels><?xml version="1.0" encoding="utf-8"?>
<Relationships xmlns="http://schemas.openxmlformats.org/package/2006/relationships"><Relationship Id="rId2" Target="../slides/slide27.xml" Type="http://schemas.openxmlformats.org/officeDocument/2006/relationships/slide"/><Relationship Id="rId1" Target="../notesMasters/notesMaster1.xml" Type="http://schemas.openxmlformats.org/officeDocument/2006/relationships/notesMaster"/></Relationships>
</file>

<file path=ppt/notesSlides/_rels/notesSlide28.xml.rels><?xml version="1.0" encoding="utf-8"?>
<Relationships xmlns="http://schemas.openxmlformats.org/package/2006/relationships"><Relationship Id="rId2" Target="../slides/slide28.xml" Type="http://schemas.openxmlformats.org/officeDocument/2006/relationships/slide"/><Relationship Id="rId1" Target="../notesMasters/notesMaster1.xml" Type="http://schemas.openxmlformats.org/officeDocument/2006/relationships/notesMaster"/></Relationships>
</file>

<file path=ppt/notesSlides/_rels/notesSlide29.xml.rels><?xml version="1.0" encoding="utf-8"?>
<Relationships xmlns="http://schemas.openxmlformats.org/package/2006/relationships"><Relationship Id="rId2" Target="../slides/slide29.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d8a00461e5e6dac6623ad2e52410ce0">
            <a:pPr rtl="0"/>
            <a:r>
              <a:rPr dirty="0" lang="en-US"/>
              <a:t>Le premier principe consiste à éviter les informations inutiles. Par exemple, vous n'avez pas besoin d'inclure des mots tels que "nombre de" dans les éléments de données. N'oubliez pas que les éléments de données comportent généralement des valeurs numériques. Nous pouvons donc supposer qu'il s'agit d'un nombre, sauf indication contraire.</a:t>
            </a:r>
            <a:endParaRPr dirty="0" lang="en-NO"/>
          </a:p>
        </p:txBody>
      </p:sp>
    </p:spTree>
    <p:extLst>
      <p:ext uri="{BB962C8B-B14F-4D97-AF65-F5344CB8AC3E}">
        <p14:creationId xmlns:p14="http://schemas.microsoft.com/office/powerpoint/2010/main" val="797673308"/>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e58a26d37c6b4f519cb1c847f1236c3">
            <a:r>
              <a:rPr dirty="0" lang="en-US"/>
              <a:t>Le deuxième principe consiste à placer l'information clé au début du nom. Par exemple, nous devrions dire " paludisme cas positifs " au lieu de " cas positifs de paludisme ". Quelle est l'importance de ce principe ? En mettant "paludisme" en premier, nous pourrons trier tous les éléments liés au programme de lutte contre le paludisme plutôt que les cas positifs liés à d'autres maladies.</a:t>
            </a:r>
            <a:br>
              <a:rPr dirty="0" lang="en-US"/>
            </a:br>
            <a:endParaRPr dirty="0" lang="en-NO"/>
          </a:p>
        </p:txBody>
      </p:sp>
    </p:spTree>
    <p:extLst>
      <p:ext uri="{BB962C8B-B14F-4D97-AF65-F5344CB8AC3E}">
        <p14:creationId xmlns:p14="http://schemas.microsoft.com/office/powerpoint/2010/main" val="2274054351"/>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d2cebf2fb907942721c30edd7c9a2b7">
            <a:r>
              <a:rPr dirty="0" lang="en-US"/>
              <a:t>Le troisième principe consiste à indiquer explicitement le programme auquel appartient l'élément de données, même si celui-ci peut appartenir à plusieurs programmes. Étant donné que DHIS2 est un système intégré qui contient différents types de données, il est donc nécessaire d'indiquer le domaine ou le programme pour chaque élément de données ou indicateur.</a:t>
            </a:r>
          </a:p>
          <a:p>
            <a:endParaRPr dirty="0" lang="en-US"/>
          </a:p>
          <a:p txid="622301c681e58d059f5c1cf63a48fa15">
            <a:r>
              <a:rPr dirty="0" lang="en-US"/>
              <a:t>Par exemple, l'indicateur " Taux d'incidence des cas pour 100 000 habitants " n'est pas précis car il peut se référer au paludisme, à la tuberculose, au choléra ou à d'autres programmes. Pour plus de précision, nous devrions indiquer le programme de santé concerné au début du nom de l'indicateur.</a:t>
            </a:r>
            <a:br>
              <a:rPr dirty="0" lang="en-US"/>
            </a:br>
            <a:endParaRPr dirty="0" lang="en-NO"/>
          </a:p>
        </p:txBody>
      </p:sp>
    </p:spTree>
    <p:extLst>
      <p:ext uri="{BB962C8B-B14F-4D97-AF65-F5344CB8AC3E}">
        <p14:creationId xmlns:p14="http://schemas.microsoft.com/office/powerpoint/2010/main" val="1490182250"/>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23257933b373575bf6cd73f905b18a">
            <a:r>
              <a:rPr b="0" dirty="0" lang="en-US">
                <a:effectLst/>
              </a:rPr>
              <a:t>Voyons ce que cela donne avec un exemple. Nous voulons mettre en application les bonnes pratiques en matière de désignation de l'élément de données "nombre de femmes enceintes qui se sont rendues à leur première visite de soins prénatals".</a:t>
            </a:r>
            <a:br>
              <a:rPr b="0" dirty="0" lang="en-US">
                <a:effectLst/>
              </a:rPr>
            </a:br>
            <a:endParaRPr dirty="0" lang="en-NO"/>
          </a:p>
        </p:txBody>
      </p:sp>
    </p:spTree>
    <p:extLst>
      <p:ext uri="{BB962C8B-B14F-4D97-AF65-F5344CB8AC3E}">
        <p14:creationId xmlns:p14="http://schemas.microsoft.com/office/powerpoint/2010/main" val="3045279507"/>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4d1aca168da4cd118cd2caa830d6e71">
            <a:pPr rtl="0"/>
            <a:r>
              <a:rPr dirty="0" lang="en-US"/>
              <a:t>Tout d'abord, nous pouvons exclure "nombre de". Il est clair que nous nous référons à des nombres dans le cadre de la collecte de données agrégées, sauf indication contraire. "Femmes enceintes" n'est pas nécessaire non plus, puisque les visites de soins prénatals ne concernent que les femmes enceintes. Nous pouvons également exclure "qui se rendent à leur", car elles sont supposées le faire.</a:t>
            </a:r>
            <a:endParaRPr dirty="0" lang="en-NO"/>
          </a:p>
        </p:txBody>
      </p:sp>
    </p:spTree>
    <p:extLst>
      <p:ext uri="{BB962C8B-B14F-4D97-AF65-F5344CB8AC3E}">
        <p14:creationId xmlns:p14="http://schemas.microsoft.com/office/powerpoint/2010/main" val="2008766578"/>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7ad68b300737479780f5e0f646da99">
            <a:r>
              <a:rPr b="0" dirty="0" lang="en-US">
                <a:effectLst/>
              </a:rPr>
              <a:t>En supprimant les mots inutiles, nous pouvons rendre le nom court et simple.</a:t>
            </a:r>
            <a:br>
              <a:rPr b="0" dirty="0" lang="en-US">
                <a:effectLst/>
              </a:rPr>
            </a:br>
            <a:endParaRPr dirty="0" lang="en-NO"/>
          </a:p>
        </p:txBody>
      </p:sp>
    </p:spTree>
    <p:extLst>
      <p:ext uri="{BB962C8B-B14F-4D97-AF65-F5344CB8AC3E}">
        <p14:creationId xmlns:p14="http://schemas.microsoft.com/office/powerpoint/2010/main" val="1477388163"/>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1e8f07abf185053fd09574383bcc986">
            <a:r>
              <a:rPr b="0" dirty="0" lang="en-US">
                <a:effectLst/>
              </a:rPr>
              <a:t>Si nous décidons de garder plus d'informations descriptives sur l'élément de données, nous pouvons les mettre dans le champ de description plutôt que de les garder avec le nom.</a:t>
            </a:r>
            <a:endParaRPr dirty="0" lang="en-NO"/>
          </a:p>
        </p:txBody>
      </p:sp>
    </p:spTree>
    <p:extLst>
      <p:ext uri="{BB962C8B-B14F-4D97-AF65-F5344CB8AC3E}">
        <p14:creationId xmlns:p14="http://schemas.microsoft.com/office/powerpoint/2010/main" val="2707030185"/>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991b1369b72d64503a8b93396fdf91">
            <a:r>
              <a:rPr b="0" dirty="0" lang="en-US">
                <a:effectLst/>
              </a:rPr>
              <a:t>Deuxièmement, identifiez les informations clés et placez-les au début du nom.</a:t>
            </a:r>
          </a:p>
          <a:p txid="7a1e07ec455f0979b9eb4d6ef43f39eb">
            <a:r>
              <a:rPr b="0" dirty="0" lang="en-US">
                <a:effectLst/>
              </a:rPr>
              <a:t>Après avoir réduit le nombre de mots, il nous reste "première visite de CPN. Réfléchissons à l'ordre des mots "première" et "visite de CPN".</a:t>
            </a:r>
            <a:br>
              <a:rPr b="0" dirty="0" lang="en-US">
                <a:effectLst/>
              </a:rPr>
            </a:br>
            <a:endParaRPr dirty="0" lang="en-NO"/>
          </a:p>
        </p:txBody>
      </p:sp>
    </p:spTree>
    <p:extLst>
      <p:ext uri="{BB962C8B-B14F-4D97-AF65-F5344CB8AC3E}">
        <p14:creationId xmlns:p14="http://schemas.microsoft.com/office/powerpoint/2010/main" val="4129933757"/>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daf908921210d8337b63b53082381ee">
            <a:pPr rtl="0"/>
            <a:r>
              <a:rPr dirty="0" lang="en-US"/>
              <a:t>Pensons à l'ordre des mots, "première" et "visite de CPN". Normalement, la première visite de CPN est la première d'une série de visites.</a:t>
            </a:r>
            <a:endParaRPr dirty="0" lang="en-NO"/>
          </a:p>
        </p:txBody>
      </p:sp>
    </p:spTree>
    <p:extLst>
      <p:ext uri="{BB962C8B-B14F-4D97-AF65-F5344CB8AC3E}">
        <p14:creationId xmlns:p14="http://schemas.microsoft.com/office/powerpoint/2010/main" val="3443370918"/>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d8ed8dec787218f63706fd72d5c058a">
            <a:r>
              <a:rPr b="0" dirty="0" lang="en-US">
                <a:effectLst/>
              </a:rPr>
              <a:t>Il y aurait probablement des éléments de données associés supplémentaires, par exemple, première visite de CPN, deuxième visite de CPN, troisième visite de CPN et quatrième visite de CPN.</a:t>
            </a:r>
          </a:p>
          <a:p>
            <a:endParaRPr b="0" dirty="0" lang="en-US">
              <a:effectLst/>
            </a:endParaRPr>
          </a:p>
          <a:p txid="a6d1d59676317359520714f98384f79b">
            <a:r>
              <a:rPr b="0" dirty="0" lang="en-US">
                <a:effectLst/>
              </a:rPr>
              <a:t>Bien que logique en langage courant, cette approche pourrait ne pas bien fonctionner lorsqu'elle est appliquée à DHIS2, car les éléments de données dans DHIS2 sont classés par ordre alphabétique. Cela signifie que dans une liste d'éléments de données, ils apparaîtront dans l'ordre suivant : deuxième visite de CPN, première visite de CPN, quatrième visite de CPN, troisième visite de CPN.</a:t>
            </a:r>
            <a:br>
              <a:rPr b="0" dirty="0" lang="en-US">
                <a:effectLst/>
              </a:rPr>
            </a:br>
            <a:endParaRPr dirty="0" lang="en-NO"/>
          </a:p>
        </p:txBody>
      </p:sp>
    </p:spTree>
    <p:extLst>
      <p:ext uri="{BB962C8B-B14F-4D97-AF65-F5344CB8AC3E}">
        <p14:creationId xmlns:p14="http://schemas.microsoft.com/office/powerpoint/2010/main" val="1256353679"/>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270e00afd42a1e9a970ca6827566fc7">
            <a:r>
              <a:rPr dirty="0" lang="en-US"/>
              <a:t>La création de nouvelles métadonnées dans DHIS2 est souvent un processus simple rapidement réalisable via l'interface utilisateur.</a:t>
            </a:r>
            <a:endParaRPr dirty="0" lang="en-NO"/>
          </a:p>
        </p:txBody>
      </p:sp>
    </p:spTree>
    <p:extLst>
      <p:ext uri="{BB962C8B-B14F-4D97-AF65-F5344CB8AC3E}">
        <p14:creationId xmlns:p14="http://schemas.microsoft.com/office/powerpoint/2010/main" val="1974776500"/>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abef5acedaf5447efbb98cfbd29b8a3">
            <a:pPr rtl="0"/>
            <a:r>
              <a:rPr dirty="0" lang="en-US"/>
              <a:t>S'il y a beaucoup d'autres éléments dans votre système, vos éléments de CPN pourraient être séparés dans une liste et être plus difficiles à trouver. Nous recommandons donc de garder ensemble les éléments de données connexes, si possible.</a:t>
            </a:r>
            <a:endParaRPr dirty="0" lang="en-NO"/>
          </a:p>
        </p:txBody>
      </p:sp>
    </p:spTree>
    <p:extLst>
      <p:ext uri="{BB962C8B-B14F-4D97-AF65-F5344CB8AC3E}">
        <p14:creationId xmlns:p14="http://schemas.microsoft.com/office/powerpoint/2010/main" val="3891314116"/>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7278cccbf5b196178d0db72c8b8530">
            <a:pPr rtl="0"/>
            <a:r>
              <a:rPr dirty="0" lang="en-US">
                <a:solidFill>
                  <a:srgbClr val="000000"/>
                </a:solidFill>
                <a:effectLst/>
                <a:sym typeface=""/>
              </a:rPr>
              <a:t>Nous pouvons modifier le nom de ces éléments de manière à ce que la partie la plus importante du nom se retrouve au début. Mettons CPN en premier. Nous obtiendrons donc CPN première visite, CPN deuxième visite, CPN troisième visite et CPN quatrième visite. Ainsi, les éléments pourront apparaître ensemble.</a:t>
            </a:r>
          </a:p>
          <a:p>
            <a:pPr rtl="0"/>
            <a:endParaRPr dirty="0" lang="en-US">
              <a:solidFill>
                <a:srgbClr val="000000"/>
              </a:solidFill>
              <a:effectLst/>
              <a:sym typeface=""/>
            </a:endParaRPr>
          </a:p>
          <a:p>
            <a:pPr rtl="0"/>
            <a:endParaRPr dirty="0" lang="en-US">
              <a:solidFill>
                <a:srgbClr val="000000"/>
              </a:solidFill>
              <a:effectLst/>
              <a:sym typeface=""/>
            </a:endParaRPr>
          </a:p>
          <a:p>
            <a:pPr rtl="0"/>
            <a:endParaRPr dirty="0" lang="en-US">
              <a:solidFill>
                <a:srgbClr val="000000"/>
              </a:solidFill>
              <a:effectLst/>
              <a:sym typeface=""/>
            </a:endParaRPr>
          </a:p>
          <a:p>
            <a:endParaRPr dirty="0" lang="en-NO">
              <a:solidFill>
                <a:srgbClr val="000000"/>
              </a:solidFill>
              <a:sym typeface=""/>
            </a:endParaRPr>
          </a:p>
        </p:txBody>
      </p:sp>
    </p:spTree>
    <p:extLst>
      <p:ext uri="{BB962C8B-B14F-4D97-AF65-F5344CB8AC3E}">
        <p14:creationId xmlns:p14="http://schemas.microsoft.com/office/powerpoint/2010/main" val="2701744120"/>
      </p:ext>
    </p:extLst>
  </p:cSld>
  <p:clrMapOvr>
    <a:masterClrMapping/>
  </p:clrMapOvr>
</p:notes>
</file>

<file path=ppt/notesSlides/notesSlide2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6179d4d47feaa73963118572593fea3">
            <a:pPr rtl="0"/>
            <a:r>
              <a:rPr b="0" dirty="0" lang="en-US">
                <a:effectLst/>
              </a:rPr>
              <a:t>Cependant, l'ordre des visites ne sera toujours pas respecté. Pour s'assurer qu'ils apparaissent dans l'ordre des visites, nous pouvons remplacer les mots première, deuxième, troisième et quatrième par des abréviations numériques, ce qui donne :...</a:t>
            </a:r>
          </a:p>
        </p:txBody>
      </p:sp>
    </p:spTree>
    <p:extLst>
      <p:ext uri="{BB962C8B-B14F-4D97-AF65-F5344CB8AC3E}">
        <p14:creationId xmlns:p14="http://schemas.microsoft.com/office/powerpoint/2010/main" val="1263566156"/>
      </p:ext>
    </p:extLst>
  </p:cSld>
  <p:clrMapOvr>
    <a:masterClrMapping/>
  </p:clrMapOvr>
</p:notes>
</file>

<file path=ppt/notesSlides/notesSlide2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0c1a46528fc0347bedfef9c06692cd3">
            <a:pPr fontAlgn="base" rtl="0"/>
            <a:r>
              <a:rPr dirty="0" lang="en-US">
                <a:solidFill>
                  <a:srgbClr val="000000"/>
                </a:solidFill>
                <a:effectLst/>
                <a:sym typeface=""/>
              </a:rPr>
              <a:t>...CPN 1ère visite utilise donc "1ère" au lieu du mot "première", CPN deuxième visite utilise "2ème", et ainsi de suite pour les troisième et quatrième visites.</a:t>
            </a:r>
          </a:p>
          <a:p>
            <a:pPr fontAlgn="base" rtl="0"/>
            <a:endParaRPr dirty="0" lang="en-US">
              <a:solidFill>
                <a:srgbClr val="000000"/>
              </a:solidFill>
              <a:effectLst/>
              <a:sym typeface=""/>
            </a:endParaRPr>
          </a:p>
          <a:p>
            <a:endParaRPr dirty="0" lang="en-NO">
              <a:solidFill>
                <a:srgbClr val="000000"/>
              </a:solidFill>
              <a:sym typeface=""/>
            </a:endParaRPr>
          </a:p>
        </p:txBody>
      </p:sp>
    </p:spTree>
    <p:extLst>
      <p:ext uri="{BB962C8B-B14F-4D97-AF65-F5344CB8AC3E}">
        <p14:creationId xmlns:p14="http://schemas.microsoft.com/office/powerpoint/2010/main" val="288635463"/>
      </p:ext>
    </p:extLst>
  </p:cSld>
  <p:clrMapOvr>
    <a:masterClrMapping/>
  </p:clrMapOvr>
</p:notes>
</file>

<file path=ppt/notesSlides/notesSlide2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585641b3e46d3bdaabbfb9925bdca62">
            <a:r>
              <a:rPr dirty="0" lang="en-US"/>
              <a:t>Avec cette dernière modification, les éléments de données seront correctement classés du premier au dernier et seront gardés ensemble en tant que groupe dans une liste dont les éléments sont classées par ordre alphabétique.</a:t>
            </a:r>
            <a:br>
              <a:rPr dirty="0" lang="en-US"/>
            </a:br>
            <a:endParaRPr dirty="0" lang="en-NO"/>
          </a:p>
        </p:txBody>
      </p:sp>
    </p:spTree>
    <p:extLst>
      <p:ext uri="{BB962C8B-B14F-4D97-AF65-F5344CB8AC3E}">
        <p14:creationId xmlns:p14="http://schemas.microsoft.com/office/powerpoint/2010/main" val="2644437258"/>
      </p:ext>
    </p:extLst>
  </p:cSld>
  <p:clrMapOvr>
    <a:masterClrMapping/>
  </p:clrMapOvr>
</p:notes>
</file>

<file path=ppt/notesSlides/notesSlide2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adcf5c4700a43ae5010b5a22a7e82c6">
            <a:pPr rtl="0"/>
            <a:r>
              <a:rPr dirty="0" lang="en-US" noProof="0"/>
              <a:t>Enfin, nous pourrions ajouter un préfixe qui indique le programme auquel appartient cet élément de données. Puisque l'élément appartient au programme de santé reproductive, maternelle, du nouveau-né, de l'enfant et de l'adolescent, RMNCAH pour faire court, nous pouvons ajouter le préfixe RMNCAH à l'élément de données.</a:t>
            </a:r>
          </a:p>
        </p:txBody>
      </p:sp>
    </p:spTree>
    <p:extLst>
      <p:ext uri="{BB962C8B-B14F-4D97-AF65-F5344CB8AC3E}">
        <p14:creationId xmlns:p14="http://schemas.microsoft.com/office/powerpoint/2010/main" val="2748742369"/>
      </p:ext>
    </p:extLst>
  </p:cSld>
  <p:clrMapOvr>
    <a:masterClrMapping/>
  </p:clrMapOvr>
</p:notes>
</file>

<file path=ppt/notesSlides/notesSlide2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fb0607b7cb0c65f9cee8fa2c2bfd23f">
            <a:r>
              <a:rPr dirty="0" lang="en-US"/>
              <a:t>Nous aurons alors RMNCAH CPN 1ère visite.</a:t>
            </a:r>
            <a:br>
              <a:rPr dirty="0" lang="en-US"/>
            </a:br>
            <a:endParaRPr dirty="0" lang="en-NO"/>
          </a:p>
        </p:txBody>
      </p:sp>
    </p:spTree>
    <p:extLst>
      <p:ext uri="{BB962C8B-B14F-4D97-AF65-F5344CB8AC3E}">
        <p14:creationId xmlns:p14="http://schemas.microsoft.com/office/powerpoint/2010/main" val="1697677899"/>
      </p:ext>
    </p:extLst>
  </p:cSld>
  <p:clrMapOvr>
    <a:masterClrMapping/>
  </p:clrMapOvr>
</p:notes>
</file>

<file path=ppt/notesSlides/notesSlide2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2b7f442545afe8ec2c80815ca060a7">
            <a:pPr algn="l" defTabSz="914400" eaLnBrk="1" fontAlgn="auto" hangingPunct="1" indent="0" latinLnBrk="0" lvl="0" marL="0" marR="0" rtl="0">
              <a:lnSpc>
                <a:spcPct val="100000"/>
              </a:lnSpc>
              <a:spcBef>
                <a:spcPts val="0"/>
              </a:spcBef>
              <a:spcAft>
                <a:spcPts val="0"/>
              </a:spcAft>
              <a:buClrTx/>
              <a:buSzTx/>
              <a:buFontTx/>
              <a:buNone/>
              <a:tabLst/>
              <a:defRPr/>
            </a:pPr>
            <a:r>
              <a:rPr b="0" dirty="0" i="0" kern="1200" lang="en-US" strike="noStrike" sz="1400" u="none">
                <a:solidFill>
                  <a:schemeClr val="tx1"/>
                </a:solidFill>
                <a:effectLst/>
                <a:latin charset="0" panose="020F0502020204030203" pitchFamily="34" typeface="Lato"/>
                <a:ea typeface="+mn-ea"/>
                <a:cs typeface="+mn-cs"/>
              </a:rPr>
              <a:t>Ceci aidera surtout les administrateurs du système; ils pourront trouver et regrouper des éléments de données pour différentes opérations de maintenance.</a:t>
            </a:r>
            <a:br>
              <a:rPr dirty="0" lang="en-US"/>
            </a:br>
            <a:endParaRPr dirty="0" lang="en-NO"/>
          </a:p>
        </p:txBody>
      </p:sp>
    </p:spTree>
    <p:extLst>
      <p:ext uri="{BB962C8B-B14F-4D97-AF65-F5344CB8AC3E}">
        <p14:creationId xmlns:p14="http://schemas.microsoft.com/office/powerpoint/2010/main" val="607411874"/>
      </p:ext>
    </p:extLst>
  </p:cSld>
  <p:clrMapOvr>
    <a:masterClrMapping/>
  </p:clrMapOvr>
</p:notes>
</file>

<file path=ppt/notesSlides/notesSlide2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509f3dc901ead569db4dae7163b55d9">
            <a:r>
              <a:rPr dirty="0" lang="en-US"/>
              <a:t>En résumé, lorsque les programmes, les services et les personnes utilisent des procédures différentes pour nommer les éléments de données et les autres métadonnées du système, le résultat est souvent un système difficile à utiliser. L'utilisation de conventions d'appellation lors de la création des métadonnées peut aider à atténuer ces problèmes. Ces bonnes pratiques consistent notamment à éviter les informations inutiles, placer les informations importantes au début du nom, utiliser le même préfixe pour les éléments de données associés afin de les regrouper et inclure un préfixe de programme avant le nom de chaque élément de données.</a:t>
            </a:r>
            <a:r>
              <a:rPr lang="en-US"/>
            </a:r>
            <a:endParaRPr dirty="0" lang="en-NO"/>
          </a:p>
        </p:txBody>
      </p:sp>
    </p:spTree>
    <p:extLst>
      <p:ext uri="{BB962C8B-B14F-4D97-AF65-F5344CB8AC3E}">
        <p14:creationId xmlns:p14="http://schemas.microsoft.com/office/powerpoint/2010/main" val="3446246217"/>
      </p:ext>
    </p:extLst>
  </p:cSld>
  <p:clrMapOvr>
    <a:masterClrMapping/>
  </p:clrMapOvr>
</p:notes>
</file>

<file path=ppt/notesSlides/notesSlide2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ebf41d60f9bb01ea32338b08d4efb0b">
            <a:pPr defTabSz="914400" eaLnBrk="1" fontAlgn="auto" hangingPunct="1" indent="0" latinLnBrk="0" lvl="0" marL="0" marR="0" rtl="0">
              <a:buClrTx/>
              <a:buSzTx/>
              <a:buFontTx/>
              <a:buNone/>
              <a:tabLst/>
              <a:defRPr/>
            </a:pPr>
            <a:r>
              <a:rPr dirty="0" lang="en-US">
                <a:solidFill>
                  <a:srgbClr val="000000"/>
                </a:solidFill>
                <a:effectLst/>
                <a:sym typeface=""/>
              </a:rPr>
              <a:t>Cependant, l'un des défis liés à la mise en place d'un système DHIS2 fonctionnel est que beaucoup d'utilisateurs peuvent y contribuer en ajoutant ou en modifiant ces métadonnées, et ce sans étroite coordination entre ces utilisateurs,...</a:t>
            </a:r>
          </a:p>
          <a:p>
            <a:pPr defTabSz="914400" eaLnBrk="1" fontAlgn="auto" hangingPunct="1" indent="0" latinLnBrk="0" lvl="0" marL="0" marR="0" rtl="0">
              <a:buClrTx/>
              <a:buSzTx/>
              <a:buFontTx/>
              <a:buNone/>
              <a:tabLst/>
              <a:defRPr/>
            </a:pPr>
            <a:endParaRPr dirty="0" lang="en-US">
              <a:solidFill>
                <a:srgbClr val="000000"/>
              </a:solidFill>
              <a:effectLst/>
              <a:sym typeface=""/>
            </a:endParaRPr>
          </a:p>
          <a:p>
            <a:endParaRPr dirty="0" lang="en-NO">
              <a:solidFill>
                <a:srgbClr val="000000"/>
              </a:solidFill>
              <a:sym typeface=""/>
            </a:endParaRPr>
          </a:p>
        </p:txBody>
      </p:sp>
    </p:spTree>
    <p:extLst>
      <p:ext uri="{BB962C8B-B14F-4D97-AF65-F5344CB8AC3E}">
        <p14:creationId xmlns:p14="http://schemas.microsoft.com/office/powerpoint/2010/main" val="2706767529"/>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947dd7c6cc04ac596f3379e88f004f">
            <a:r>
              <a:rPr dirty="0" lang="en-US"/>
              <a:t>... nous risquons d'avoir un système difficile à utiliser et où vous avez du mal à trouver ce dont vous avez besoin.</a:t>
            </a:r>
            <a:endParaRPr dirty="0" lang="en-NO"/>
          </a:p>
        </p:txBody>
      </p:sp>
    </p:spTree>
    <p:extLst>
      <p:ext uri="{BB962C8B-B14F-4D97-AF65-F5344CB8AC3E}">
        <p14:creationId xmlns:p14="http://schemas.microsoft.com/office/powerpoint/2010/main" val="129743279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e2203b54151a28cd52d82f56400dd32">
            <a:r>
              <a:rPr dirty="0" lang="en-US"/>
              <a:t>Dans cette vidéo, vous verrez l'importance de maintenir un système DHIS2 qui fonctionne bien, et ce, en suivant des normes claires pour nommer les métadonnées.</a:t>
            </a:r>
            <a:endParaRPr dirty="0" lang="en-NO"/>
          </a:p>
        </p:txBody>
      </p:sp>
    </p:spTree>
    <p:extLst>
      <p:ext uri="{BB962C8B-B14F-4D97-AF65-F5344CB8AC3E}">
        <p14:creationId xmlns:p14="http://schemas.microsoft.com/office/powerpoint/2010/main" val="1254151691"/>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83f62edc4174e0a35c781e6290bb81">
            <a:r>
              <a:rPr dirty="0" lang="en-US"/>
              <a:t>Prenons les éléments de données à titre d'exemple. Lors de la création de nouveaux éléments de données, une méthode normalisée permettant de les nommer doit être suivie par tous les utilisateurs du système.</a:t>
            </a:r>
            <a:endParaRPr dirty="0" lang="en-NO"/>
          </a:p>
        </p:txBody>
      </p:sp>
    </p:spTree>
    <p:extLst>
      <p:ext uri="{BB962C8B-B14F-4D97-AF65-F5344CB8AC3E}">
        <p14:creationId xmlns:p14="http://schemas.microsoft.com/office/powerpoint/2010/main" val="3974766704"/>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0481347e70cc0f7049b4a189993d6ac">
            <a:r>
              <a:rPr dirty="0" lang="en-US"/>
              <a:t>Cela implique une certaine coordination non seulement au sein des différents programmes ou services mais aussi entre ces derniers, le cas échéant.</a:t>
            </a:r>
            <a:endParaRPr dirty="0" lang="en-NO"/>
          </a:p>
        </p:txBody>
      </p:sp>
    </p:spTree>
    <p:extLst>
      <p:ext uri="{BB962C8B-B14F-4D97-AF65-F5344CB8AC3E}">
        <p14:creationId xmlns:p14="http://schemas.microsoft.com/office/powerpoint/2010/main" val="306116840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3b4fb65a55e87ff225885f36f0dcbeb">
            <a:r>
              <a:rPr dirty="0" lang="en-US">
                <a:solidFill>
                  <a:srgbClr val="000000"/>
                </a:solidFill>
                <a:sym typeface=""/>
              </a:rPr>
              <a:t>Lorsqu'aucun protocole n'est suivi, les utilisateurs peuvent avoir du mal à localiser les éléments dont ils ont besoin. S'ils ne parviennent pas à localiser les éléments, ils pourraient en créer des copies en supposant que ces éléments n'existent pas encore dans le système. Cette situation entraîne un encombrement du système et crée de la confusion chez les autres utilisateurs, qui ne savent plus quel élément dupliqué est le bon.</a:t>
            </a:r>
            <a:endParaRPr dirty="0" lang="en-NO">
              <a:solidFill>
                <a:srgbClr val="000000"/>
              </a:solidFill>
              <a:sym typeface=""/>
            </a:endParaRPr>
          </a:p>
        </p:txBody>
      </p:sp>
    </p:spTree>
    <p:extLst>
      <p:ext uri="{BB962C8B-B14F-4D97-AF65-F5344CB8AC3E}">
        <p14:creationId xmlns:p14="http://schemas.microsoft.com/office/powerpoint/2010/main" val="667358513"/>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b26225af6bd492bd4ca1c37d9bb2baa">
            <a:r>
              <a:rPr dirty="0" lang="en-US"/>
              <a:t>Ce problème s'aggravera au fil du temps, au fur et à mesure que d'autres éléments de données sont ajoutés à DHIS2. Pour éviter cela, vous pouvez appliquer certains principes clés, qui permettront aux utilisateurs finaux de localiser plus facilement les éléments de données dont ils ont besoin.</a:t>
            </a:r>
            <a:endParaRPr dirty="0" lang="en-NO"/>
          </a:p>
        </p:txBody>
      </p:sp>
    </p:spTree>
    <p:extLst>
      <p:ext uri="{BB962C8B-B14F-4D97-AF65-F5344CB8AC3E}">
        <p14:creationId xmlns:p14="http://schemas.microsoft.com/office/powerpoint/2010/main" val="3399267301"/>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3" Target="../notesSlides/notesSlide10.xml" Type="http://schemas.openxmlformats.org/officeDocument/2006/relationships/notesSlide"/><Relationship Id="rId2" Target="../slideLayouts/slideLayout4.xml" Type="http://schemas.openxmlformats.org/officeDocument/2006/relationships/slideLayout"/><Relationship Id="rId1" Target="../tags/tag11.xml" Type="http://schemas.openxmlformats.org/officeDocument/2006/relationships/tags"/></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5.xml" Type="http://schemas.openxmlformats.org/officeDocument/2006/relationships/slideLayout"/><Relationship Id="rId1" Target="../tags/tag12.xml" Type="http://schemas.openxmlformats.org/officeDocument/2006/relationships/tags"/></Relationships>
</file>

<file path=ppt/slides/_rels/slide12.xml.rels><?xml version="1.0" encoding="utf-8"?>
<Relationships xmlns="http://schemas.openxmlformats.org/package/2006/relationships"><Relationship Id="rId8" Target="../media/image40.png" Type="http://schemas.openxmlformats.org/officeDocument/2006/relationships/image"/><Relationship Id="rId3" Target="../notesSlides/notesSlide12.xml" Type="http://schemas.openxmlformats.org/officeDocument/2006/relationships/notesSlide"/><Relationship Id="rId7" Target="../media/image39.svg" Type="http://schemas.openxmlformats.org/officeDocument/2006/relationships/image"/><Relationship Id="rId2" Target="../slideLayouts/slideLayout5.xml" Type="http://schemas.openxmlformats.org/officeDocument/2006/relationships/slideLayout"/><Relationship Id="rId1" Target="../tags/tag13.xml" Type="http://schemas.openxmlformats.org/officeDocument/2006/relationships/tags"/><Relationship Id="rId6" Target="../media/image38.png" Type="http://schemas.openxmlformats.org/officeDocument/2006/relationships/image"/><Relationship Id="rId11" Target="../media/image43.svg" Type="http://schemas.openxmlformats.org/officeDocument/2006/relationships/image"/><Relationship Id="rId5" Target="../media/image37.svg" Type="http://schemas.openxmlformats.org/officeDocument/2006/relationships/image"/><Relationship Id="rId10" Target="../media/image42.png" Type="http://schemas.openxmlformats.org/officeDocument/2006/relationships/image"/><Relationship Id="rId4" Target="../media/image36.png" Type="http://schemas.openxmlformats.org/officeDocument/2006/relationships/image"/><Relationship Id="rId9" Target="../media/image41.svg" Type="http://schemas.openxmlformats.org/officeDocument/2006/relationships/image"/></Relationships>
</file>

<file path=ppt/slides/_rels/slide13.xml.rels><?xml version="1.0" encoding="utf-8"?>
<Relationships xmlns="http://schemas.openxmlformats.org/package/2006/relationships"><Relationship Id="rId3" Target="../notesSlides/notesSlide13.xml" Type="http://schemas.openxmlformats.org/officeDocument/2006/relationships/notesSlide"/><Relationship Id="rId2" Target="../slideLayouts/slideLayout6.xml" Type="http://schemas.openxmlformats.org/officeDocument/2006/relationships/slideLayout"/><Relationship Id="rId1" Target="../tags/tag14.xml" Type="http://schemas.openxmlformats.org/officeDocument/2006/relationships/tags"/></Relationships>
</file>

<file path=ppt/slides/_rels/slide14.xml.rels><?xml version="1.0" encoding="utf-8"?>
<Relationships xmlns="http://schemas.openxmlformats.org/package/2006/relationships"><Relationship Id="rId3" Target="../notesSlides/notesSlide14.xml" Type="http://schemas.openxmlformats.org/officeDocument/2006/relationships/notesSlide"/><Relationship Id="rId2" Target="../slideLayouts/slideLayout7.xml" Type="http://schemas.openxmlformats.org/officeDocument/2006/relationships/slideLayout"/><Relationship Id="rId1" Target="../tags/tag15.xml" Type="http://schemas.openxmlformats.org/officeDocument/2006/relationships/tags"/></Relationships>
</file>

<file path=ppt/slides/_rels/slide15.xml.rels><?xml version="1.0" encoding="utf-8"?>
<Relationships xmlns="http://schemas.openxmlformats.org/package/2006/relationships"><Relationship Id="rId3" Target="../notesSlides/notesSlide15.xml" Type="http://schemas.openxmlformats.org/officeDocument/2006/relationships/notesSlide"/><Relationship Id="rId2" Target="../slideLayouts/slideLayout7.xml" Type="http://schemas.openxmlformats.org/officeDocument/2006/relationships/slideLayout"/><Relationship Id="rId1" Target="../tags/tag16.xml" Type="http://schemas.openxmlformats.org/officeDocument/2006/relationships/tags"/></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7.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3" Target="../notesSlides/notesSlide17.xml" Type="http://schemas.openxmlformats.org/officeDocument/2006/relationships/notesSlide"/><Relationship Id="rId2" Target="../slideLayouts/slideLayout7.xml" Type="http://schemas.openxmlformats.org/officeDocument/2006/relationships/slideLayout"/><Relationship Id="rId1" Target="../tags/tag18.xml" Type="http://schemas.openxmlformats.org/officeDocument/2006/relationships/tags"/></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2" Target="../slideLayouts/slideLayout7.xml" Type="http://schemas.openxmlformats.org/officeDocument/2006/relationships/slideLayout"/><Relationship Id="rId1" Target="../tags/tag19.xml" Type="http://schemas.openxmlformats.org/officeDocument/2006/relationships/tags"/><Relationship Id="rId5" Target="../media/image35.svg" Type="http://schemas.openxmlformats.org/officeDocument/2006/relationships/image"/><Relationship Id="rId4" Target="../media/image34.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7.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8" Target="../media/image25.sv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12" Target="../media/image29.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11" Target="../media/image28.png" Type="http://schemas.openxmlformats.org/officeDocument/2006/relationships/image"/><Relationship Id="rId5" Target="../media/image22.png" Type="http://schemas.openxmlformats.org/officeDocument/2006/relationships/image"/><Relationship Id="rId10" Target="../media/image27.svg" Type="http://schemas.openxmlformats.org/officeDocument/2006/relationships/image"/><Relationship Id="rId4" Target="../media/image21.emf" Type="http://schemas.openxmlformats.org/officeDocument/2006/relationships/image"/><Relationship Id="rId9" Target="../media/image26.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2" Target="../slideLayouts/slideLayout7.xml" Type="http://schemas.openxmlformats.org/officeDocument/2006/relationships/slideLayout"/><Relationship Id="rId1" Target="../tags/tag21.xml" Type="http://schemas.openxmlformats.org/officeDocument/2006/relationships/tags"/><Relationship Id="rId4" Target="../media/image44.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7.xml" Type="http://schemas.openxmlformats.org/officeDocument/2006/relationships/slideLayout"/><Relationship Id="rId1" Target="../tags/tag22.xml" Type="http://schemas.openxmlformats.org/officeDocument/2006/relationships/tags"/></Relationships>
</file>

<file path=ppt/slides/_rels/slide22.xml.rels><?xml version="1.0" encoding="utf-8"?>
<Relationships xmlns="http://schemas.openxmlformats.org/package/2006/relationships"><Relationship Id="rId3" Target="../notesSlides/notesSlide22.xml" Type="http://schemas.openxmlformats.org/officeDocument/2006/relationships/notesSlide"/><Relationship Id="rId2" Target="../slideLayouts/slideLayout7.xml" Type="http://schemas.openxmlformats.org/officeDocument/2006/relationships/slideLayout"/><Relationship Id="rId1" Target="../tags/tag23.xml" Type="http://schemas.openxmlformats.org/officeDocument/2006/relationships/tags"/></Relationships>
</file>

<file path=ppt/slides/_rels/slide23.xml.rels><?xml version="1.0" encoding="utf-8"?>
<Relationships xmlns="http://schemas.openxmlformats.org/package/2006/relationships"><Relationship Id="rId3" Target="../notesSlides/notesSlide23.xml" Type="http://schemas.openxmlformats.org/officeDocument/2006/relationships/notesSlide"/><Relationship Id="rId2" Target="../slideLayouts/slideLayout7.xml" Type="http://schemas.openxmlformats.org/officeDocument/2006/relationships/slideLayout"/><Relationship Id="rId1" Target="../tags/tag24.xml" Type="http://schemas.openxmlformats.org/officeDocument/2006/relationships/tags"/></Relationships>
</file>

<file path=ppt/slides/_rels/slide24.xml.rels><?xml version="1.0" encoding="utf-8"?>
<Relationships xmlns="http://schemas.openxmlformats.org/package/2006/relationships"><Relationship Id="rId3" Target="../notesSlides/notesSlide24.xml" Type="http://schemas.openxmlformats.org/officeDocument/2006/relationships/notesSlide"/><Relationship Id="rId2" Target="../slideLayouts/slideLayout7.xml" Type="http://schemas.openxmlformats.org/officeDocument/2006/relationships/slideLayout"/><Relationship Id="rId1" Target="../tags/tag25.xml" Type="http://schemas.openxmlformats.org/officeDocument/2006/relationships/tags"/><Relationship Id="rId4" Target="../media/image45.png" Type="http://schemas.openxmlformats.org/officeDocument/2006/relationships/image"/></Relationships>
</file>

<file path=ppt/slides/_rels/slide25.xml.rels><?xml version="1.0" encoding="utf-8"?>
<Relationships xmlns="http://schemas.openxmlformats.org/package/2006/relationships"><Relationship Id="rId3" Target="../notesSlides/notesSlide25.xml" Type="http://schemas.openxmlformats.org/officeDocument/2006/relationships/notesSlide"/><Relationship Id="rId2" Target="../slideLayouts/slideLayout7.xml" Type="http://schemas.openxmlformats.org/officeDocument/2006/relationships/slideLayout"/><Relationship Id="rId1" Target="../tags/tag26.xml" Type="http://schemas.openxmlformats.org/officeDocument/2006/relationships/tags"/></Relationships>
</file>

<file path=ppt/slides/_rels/slide26.xml.rels><?xml version="1.0" encoding="utf-8"?>
<Relationships xmlns="http://schemas.openxmlformats.org/package/2006/relationships"><Relationship Id="rId3" Target="../notesSlides/notesSlide26.xml" Type="http://schemas.openxmlformats.org/officeDocument/2006/relationships/notesSlide"/><Relationship Id="rId2" Target="../slideLayouts/slideLayout7.xml" Type="http://schemas.openxmlformats.org/officeDocument/2006/relationships/slideLayout"/><Relationship Id="rId1" Target="../tags/tag27.xml" Type="http://schemas.openxmlformats.org/officeDocument/2006/relationships/tags"/></Relationships>
</file>

<file path=ppt/slides/_rels/slide27.xml.rels><?xml version="1.0" encoding="utf-8"?>
<Relationships xmlns="http://schemas.openxmlformats.org/package/2006/relationships"><Relationship Id="rId3" Target="../notesSlides/notesSlide27.xml" Type="http://schemas.openxmlformats.org/officeDocument/2006/relationships/notesSlide"/><Relationship Id="rId2" Target="../slideLayouts/slideLayout7.xml" Type="http://schemas.openxmlformats.org/officeDocument/2006/relationships/slideLayout"/><Relationship Id="rId1" Target="../tags/tag28.xml" Type="http://schemas.openxmlformats.org/officeDocument/2006/relationships/tags"/></Relationships>
</file>

<file path=ppt/slides/_rels/slide28.xml.rels><?xml version="1.0" encoding="utf-8"?>
<Relationships xmlns="http://schemas.openxmlformats.org/package/2006/relationships"><Relationship Id="rId3" Target="../notesSlides/notesSlide28.xml" Type="http://schemas.openxmlformats.org/officeDocument/2006/relationships/notesSlide"/><Relationship Id="rId2" Target="../slideLayouts/slideLayout10.xml" Type="http://schemas.openxmlformats.org/officeDocument/2006/relationships/slideLayout"/><Relationship Id="rId1" Target="../tags/tag29.xml" Type="http://schemas.openxmlformats.org/officeDocument/2006/relationships/tags"/><Relationship Id="rId5" Target="../media/image47.svg" Type="http://schemas.openxmlformats.org/officeDocument/2006/relationships/image"/><Relationship Id="rId4" Target="../media/image46.png" Type="http://schemas.openxmlformats.org/officeDocument/2006/relationships/image"/></Relationships>
</file>

<file path=ppt/slides/_rels/slide29.xml.rels><?xml version="1.0" encoding="utf-8"?>
<Relationships xmlns="http://schemas.openxmlformats.org/package/2006/relationships"><Relationship Id="rId3" Target="../notesSlides/notesSlide29.xml" Type="http://schemas.openxmlformats.org/officeDocument/2006/relationships/notesSlide"/><Relationship Id="rId2" Target="../slideLayouts/slideLayout16.xml" Type="http://schemas.openxmlformats.org/officeDocument/2006/relationships/slideLayout"/><Relationship Id="rId1" Target="../tags/tag30.xml" Type="http://schemas.openxmlformats.org/officeDocument/2006/relationships/tags"/></Relationships>
</file>

<file path=ppt/slides/_rels/slide3.xml.rels><?xml version="1.0" encoding="utf-8"?>
<Relationships xmlns="http://schemas.openxmlformats.org/package/2006/relationships"><Relationship Id="rId8" Target="../media/image32.png" Type="http://schemas.openxmlformats.org/officeDocument/2006/relationships/image"/><Relationship Id="rId3" Target="../notesSlides/notesSlide3.xml" Type="http://schemas.openxmlformats.org/officeDocument/2006/relationships/notesSlide"/><Relationship Id="rId7" Target="../media/image29.svg" Type="http://schemas.openxmlformats.org/officeDocument/2006/relationships/image"/><Relationship Id="rId2" Target="../slideLayouts/slideLayout26.xml" Type="http://schemas.openxmlformats.org/officeDocument/2006/relationships/slideLayout"/><Relationship Id="rId1" Target="../tags/tag4.xml" Type="http://schemas.openxmlformats.org/officeDocument/2006/relationships/tags"/><Relationship Id="rId6" Target="../media/image28.png" Type="http://schemas.openxmlformats.org/officeDocument/2006/relationships/image"/><Relationship Id="rId11" Target="../media/image35.svg" Type="http://schemas.openxmlformats.org/officeDocument/2006/relationships/image"/><Relationship Id="rId5" Target="../media/image31.svg" Type="http://schemas.openxmlformats.org/officeDocument/2006/relationships/image"/><Relationship Id="rId10" Target="../media/image34.png" Type="http://schemas.openxmlformats.org/officeDocument/2006/relationships/image"/><Relationship Id="rId4" Target="../media/image30.png" Type="http://schemas.openxmlformats.org/officeDocument/2006/relationships/image"/><Relationship Id="rId9" Target="../media/image33.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7" Target="../media/image35.svg" Type="http://schemas.openxmlformats.org/officeDocument/2006/relationships/image"/><Relationship Id="rId2" Target="../slideLayouts/slideLayout4.xml" Type="http://schemas.openxmlformats.org/officeDocument/2006/relationships/slideLayout"/><Relationship Id="rId1" Target="../tags/tag7.xml" Type="http://schemas.openxmlformats.org/officeDocument/2006/relationships/tags"/><Relationship Id="rId6" Target="../media/image34.png" Type="http://schemas.openxmlformats.org/officeDocument/2006/relationships/image"/><Relationship Id="rId5" Target="../media/image29.svg" Type="http://schemas.openxmlformats.org/officeDocument/2006/relationships/image"/><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8" Target="../media/image38.png" Type="http://schemas.openxmlformats.org/officeDocument/2006/relationships/image"/><Relationship Id="rId13" Target="../media/image43.svg" Type="http://schemas.openxmlformats.org/officeDocument/2006/relationships/image"/><Relationship Id="rId3" Target="../notesSlides/notesSlide7.xml" Type="http://schemas.openxmlformats.org/officeDocument/2006/relationships/notesSlide"/><Relationship Id="rId7" Target="../media/image37.svg" Type="http://schemas.openxmlformats.org/officeDocument/2006/relationships/image"/><Relationship Id="rId12" Target="../media/image42.png" Type="http://schemas.openxmlformats.org/officeDocument/2006/relationships/image"/><Relationship Id="rId2" Target="../slideLayouts/slideLayout5.xml" Type="http://schemas.openxmlformats.org/officeDocument/2006/relationships/slideLayout"/><Relationship Id="rId1" Target="../tags/tag8.xml" Type="http://schemas.openxmlformats.org/officeDocument/2006/relationships/tags"/><Relationship Id="rId6" Target="../media/image36.png" Type="http://schemas.openxmlformats.org/officeDocument/2006/relationships/image"/><Relationship Id="rId11" Target="../media/image41.svg" Type="http://schemas.openxmlformats.org/officeDocument/2006/relationships/image"/><Relationship Id="rId5" Target="../media/image29.svg" Type="http://schemas.openxmlformats.org/officeDocument/2006/relationships/image"/><Relationship Id="rId10" Target="../media/image40.png" Type="http://schemas.openxmlformats.org/officeDocument/2006/relationships/image"/><Relationship Id="rId4" Target="../media/image28.png" Type="http://schemas.openxmlformats.org/officeDocument/2006/relationships/image"/><Relationship Id="rId9" Target="../media/image39.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xml" Type="http://schemas.openxmlformats.org/officeDocument/2006/relationships/slideLayout"/><Relationship Id="rId1" Target="../tags/tag9.xml" Type="http://schemas.openxmlformats.org/officeDocument/2006/relationships/tags"/><Relationship Id="rId5" Target="../media/image31.svg" Type="http://schemas.openxmlformats.org/officeDocument/2006/relationships/image"/><Relationship Id="rId4" Target="../media/image30.png" Type="http://schemas.openxmlformats.org/officeDocument/2006/relationships/image"/></Relationships>
</file>

<file path=ppt/slides/_rels/slide9.xml.rels><?xml version="1.0" encoding="utf-8"?>
<Relationships xmlns="http://schemas.openxmlformats.org/package/2006/relationships"><Relationship Id="rId8" Target="../media/image32.png" Type="http://schemas.openxmlformats.org/officeDocument/2006/relationships/image"/><Relationship Id="rId3" Target="../notesSlides/notesSlide9.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10.xml" Type="http://schemas.openxmlformats.org/officeDocument/2006/relationships/tags"/><Relationship Id="rId6" Target="../media/image28.png" Type="http://schemas.openxmlformats.org/officeDocument/2006/relationships/image"/><Relationship Id="rId11" Target="../media/image35.svg" Type="http://schemas.openxmlformats.org/officeDocument/2006/relationships/image"/><Relationship Id="rId5" Target="../media/image31.svg" Type="http://schemas.openxmlformats.org/officeDocument/2006/relationships/image"/><Relationship Id="rId10" Target="../media/image34.png" Type="http://schemas.openxmlformats.org/officeDocument/2006/relationships/image"/><Relationship Id="rId4" Target="../media/image30.png" Type="http://schemas.openxmlformats.org/officeDocument/2006/relationships/image"/><Relationship Id="rId9" Target="../media/image33.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5cf34536bae7de4297052b64e900bbae">
            <a:r>
              <a:rPr dirty="0" lang="en-US"/>
              <a:t>Conventions d'appellation </a:t>
            </a:r>
          </a:p>
          <a:p txid="cfa41a84de119ca107eeeee665b03ce4">
            <a:r>
              <a:rPr dirty="0" lang="en-US"/>
              <a:t>des éléments de donnée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f886bafeb5ae9a1965ab21d23615791b">
            <a:r>
              <a:rPr dirty="0" lang="en-NO"/>
              <a:t>Principes d'appellation</a:t>
            </a:r>
          </a:p>
        </p:txBody>
      </p:sp>
      <p:sp>
        <p:nvSpPr>
          <p:cNvPr id="4" name="Rectangle: Rounded Corners 17">
            <a:extLst>
              <a:ext uri="{FF2B5EF4-FFF2-40B4-BE49-F238E27FC236}">
                <a16:creationId xmlns:a16="http://schemas.microsoft.com/office/drawing/2014/main" id="{EA02C493-BF1D-42B7-F531-A92526849AEE}"/>
              </a:ext>
            </a:extLst>
          </p:cNvPr>
          <p:cNvSpPr/>
          <p:nvPr/>
        </p:nvSpPr>
        <p:spPr>
          <a:xfrm>
            <a:off x="2619657" y="1230256"/>
            <a:ext cx="2755171" cy="723839"/>
          </a:xfrm>
          <a:prstGeom prst="roundRect">
            <a:avLst/>
          </a:prstGeom>
          <a:solidFill>
            <a:schemeClr val="accent1"/>
          </a:solidFill>
          <a:ln>
            <a:noFill/>
          </a:ln>
        </p:spPr>
        <p:style>
          <a:lnRef idx="0">
            <a:scrgbClr b="0" g="0" r="0"/>
          </a:lnRef>
          <a:fillRef idx="0">
            <a:scrgbClr b="0" g="0" r="0"/>
          </a:fillRef>
          <a:effectRef idx="0">
            <a:scrgbClr b="0" g="0" r="0"/>
          </a:effectRef>
          <a:fontRef idx="minor">
            <a:schemeClr val="lt1"/>
          </a:fontRef>
        </p:style>
        <p:txBody>
          <a:bodyPr anchor="ctr" rtlCol="0"/>
          <a:lstStyle/>
          <a:p txid="c6dbd8637b4c9f4ac1d9ab97275979d7">
            <a:pPr algn="ctr"/>
            <a:r>
              <a:rPr dirty="0" err="1" lang="es-ES" sz="2400"/>
              <a:t> </a:t>
            </a:r>
            <a:r>
              <a:rPr dirty="0" lang="es-ES" sz="2400"/>
              <a:t> Principe    #1  </a:t>
            </a:r>
          </a:p>
        </p:txBody>
      </p:sp>
      <p:sp>
        <p:nvSpPr>
          <p:cNvPr id="3" name="TextBox 2">
            <a:extLst>
              <a:ext uri="{FF2B5EF4-FFF2-40B4-BE49-F238E27FC236}">
                <a16:creationId xmlns:a16="http://schemas.microsoft.com/office/drawing/2014/main" id="{E3A95FFE-494D-246E-C1FA-7C9851F098E8}"/>
              </a:ext>
            </a:extLst>
          </p:cNvPr>
          <p:cNvSpPr txBox="1"/>
          <p:nvPr/>
        </p:nvSpPr>
        <p:spPr>
          <a:xfrm>
            <a:off x="6454986" y="1176677"/>
            <a:ext cx="4057227" cy="830997"/>
          </a:xfrm>
          <a:prstGeom prst="rect">
            <a:avLst/>
          </a:prstGeom>
          <a:noFill/>
        </p:spPr>
        <p:txBody>
          <a:bodyPr rtlCol="0" wrap="square">
            <a:spAutoFit/>
          </a:bodyPr>
          <a:lstStyle/>
          <a:p txid="da7cb87aa8dd8302cdd1efc76a840730">
            <a:pPr algn="l" indent="-342900" marL="342900">
              <a:buClr>
                <a:srgbClr val="008CCF"/>
              </a:buClr>
              <a:buFont charset="-79" pitchFamily="2" typeface="Rubik"/>
              <a:buChar char="•"/>
            </a:pPr>
            <a:r>
              <a:rPr lang="es-ES" sz="2400"/>
              <a:t>Éviter les informations inutiles</a:t>
            </a:r>
          </a:p>
        </p:txBody>
      </p:sp>
      <p:sp>
        <p:nvSpPr>
          <p:cNvPr id="5" name="TextBox 4">
            <a:extLst>
              <a:ext uri="{FF2B5EF4-FFF2-40B4-BE49-F238E27FC236}">
                <a16:creationId xmlns:a16="http://schemas.microsoft.com/office/drawing/2014/main" id="{82B185F0-A498-C6D9-5439-FEAEF5EAC4D7}"/>
              </a:ext>
            </a:extLst>
          </p:cNvPr>
          <p:cNvSpPr txBox="1"/>
          <p:nvPr/>
        </p:nvSpPr>
        <p:spPr>
          <a:xfrm>
            <a:off x="533400" y="2905780"/>
            <a:ext cx="11163300" cy="615553"/>
          </a:xfrm>
          <a:prstGeom prst="rect">
            <a:avLst/>
          </a:prstGeom>
          <a:noFill/>
        </p:spPr>
        <p:txBody>
          <a:bodyPr bIns="91440" rtlCol="0" tIns="91440" wrap="square">
            <a:spAutoFit/>
          </a:bodyPr>
          <a:lstStyle/>
          <a:p txid="b9e1cb1358c922d0cc583ce786caf038">
            <a:pPr algn="ctr">
              <a:buClr>
                <a:srgbClr val="008CCF"/>
              </a:buClr>
            </a:pPr>
            <a:r>
              <a:rPr lang="es-ES" sz="2800"/>
              <a:t>Nombre de moustiquaires antipaludiques distribuées</a:t>
            </a:r>
          </a:p>
        </p:txBody>
      </p:sp>
      <p:cxnSp>
        <p:nvCxnSpPr>
          <p:cNvPr id="11" name="Straight Connector 10">
            <a:extLst>
              <a:ext uri="{FF2B5EF4-FFF2-40B4-BE49-F238E27FC236}">
                <a16:creationId xmlns:a16="http://schemas.microsoft.com/office/drawing/2014/main" id="{8409D929-2266-FB74-BEF3-1DA2ACA83E80}"/>
              </a:ext>
            </a:extLst>
          </p:cNvPr>
          <p:cNvCxnSpPr/>
          <p:nvPr/>
        </p:nvCxnSpPr>
        <p:spPr>
          <a:xfrm>
            <a:off x="3138360" y="3220649"/>
            <a:ext cx="1920240"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sp>
        <p:nvSpPr>
          <p:cNvPr id="8" name="TextBox 7">
            <a:extLst>
              <a:ext uri="{FF2B5EF4-FFF2-40B4-BE49-F238E27FC236}">
                <a16:creationId xmlns:a16="http://schemas.microsoft.com/office/drawing/2014/main" id="{B74C295F-65F4-D959-A62E-058F3D859A33}"/>
              </a:ext>
            </a:extLst>
          </p:cNvPr>
          <p:cNvSpPr txBox="1"/>
          <p:nvPr/>
        </p:nvSpPr>
        <p:spPr>
          <a:xfrm>
            <a:off x="2119086" y="3970477"/>
            <a:ext cx="3976914" cy="830997"/>
          </a:xfrm>
          <a:prstGeom prst="rect">
            <a:avLst/>
          </a:prstGeom>
          <a:noFill/>
        </p:spPr>
        <p:txBody>
          <a:bodyPr rtlCol="0" wrap="square">
            <a:spAutoFit/>
          </a:bodyPr>
          <a:lstStyle/>
          <a:p txid="9aa52fee3273f4b56a9e980bc4cbc3db">
            <a:pPr algn="ctr">
              <a:buClr>
                <a:srgbClr val="008CCF"/>
              </a:buClr>
            </a:pPr>
            <a:r>
              <a:rPr b="0" i="0" kern="1200" lang="en-US" strike="noStrike" sz="2400" u="none">
                <a:solidFill>
                  <a:schemeClr val="tx1"/>
                </a:solidFill>
                <a:effectLst/>
                <a:ea typeface="+mn-ea"/>
                <a:cs typeface="+mn-cs"/>
              </a:rPr>
              <a:t>Les éléments de données contiennent généralement des valeurs numériques</a:t>
            </a:r>
            <a:endParaRPr lang="es-ES" sz="2400"/>
          </a:p>
        </p:txBody>
      </p:sp>
      <p:sp>
        <p:nvSpPr>
          <p:cNvPr id="12" name="Right Brace 11">
            <a:extLst>
              <a:ext uri="{FF2B5EF4-FFF2-40B4-BE49-F238E27FC236}">
                <a16:creationId xmlns:a16="http://schemas.microsoft.com/office/drawing/2014/main" id="{AB18D9A5-5FC5-BDDD-3AD1-88F81858E793}"/>
              </a:ext>
            </a:extLst>
          </p:cNvPr>
          <p:cNvSpPr/>
          <p:nvPr/>
        </p:nvSpPr>
        <p:spPr>
          <a:xfrm rot="5400000">
            <a:off x="3983814" y="2587214"/>
            <a:ext cx="236668" cy="1920240"/>
          </a:xfrm>
          <a:prstGeom prst="rightBrace">
            <a:avLst>
              <a:gd fmla="val 78093" name="adj1"/>
              <a:gd fmla="val 50000" name="adj2"/>
            </a:avLst>
          </a:prstGeom>
          <a:ln cap="rnd" w="2857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700278094"/>
      </p:ext>
    </p:extLst>
  </p:cSld>
  <p:clrMapOvr>
    <a:masterClrMapping/>
  </p:clrMapOvr>
  <mc:AlternateContent xmlns:mc="http://schemas.openxmlformats.org/markup-compatibility/2006" xmlns:p14="http://schemas.microsoft.com/office/powerpoint/2010/main">
    <mc:Choice Requires="p14">
      <p:transition advTm="22416" p14:dur="2000" spd="slow"/>
    </mc:Choice>
    <mc:Fallback xmlns="">
      <p:transition advTm="2241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gtEl>
                                        <p:attrNameLst>
                                          <p:attrName>style.visibility</p:attrName>
                                        </p:attrNameLst>
                                      </p:cBhvr>
                                      <p:to>
                                        <p:strVal val="visible"/>
                                      </p:to>
                                    </p:set>
                                    <p:animEffect filter="fade" transition="in">
                                      <p:cBhvr>
                                        <p:cTn dur="500" id="12"/>
                                        <p:tgtEl>
                                          <p:spTgt spid="3"/>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47"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anim calcmode="lin" valueType="num">
                                      <p:cBhvr>
                                        <p:cTn dur="500" fill="hold" id="18"/>
                                        <p:tgtEl>
                                          <p:spTgt spid="5"/>
                                        </p:tgtEl>
                                        <p:attrNameLst>
                                          <p:attrName>ppt_x</p:attrName>
                                        </p:attrNameLst>
                                      </p:cBhvr>
                                      <p:tavLst>
                                        <p:tav tm="0">
                                          <p:val>
                                            <p:strVal val="#ppt_x"/>
                                          </p:val>
                                        </p:tav>
                                        <p:tav tm="100000">
                                          <p:val>
                                            <p:strVal val="#ppt_x"/>
                                          </p:val>
                                        </p:tav>
                                      </p:tavLst>
                                    </p:anim>
                                    <p:anim calcmode="lin" valueType="num">
                                      <p:cBhvr>
                                        <p:cTn dur="500" fill="hold" id="19"/>
                                        <p:tgtEl>
                                          <p:spTgt spid="5"/>
                                        </p:tgtEl>
                                        <p:attrNameLst>
                                          <p:attrName>ppt_y</p:attrName>
                                        </p:attrNameLst>
                                      </p:cBhvr>
                                      <p:tavLst>
                                        <p:tav tm="0">
                                          <p:val>
                                            <p:strVal val="#ppt_y-.1"/>
                                          </p:val>
                                        </p:tav>
                                        <p:tav tm="100000">
                                          <p:val>
                                            <p:strVal val="#ppt_y"/>
                                          </p:val>
                                        </p:tav>
                                      </p:tavLst>
                                    </p:anim>
                                  </p:childTnLst>
                                </p:cTn>
                              </p:par>
                            </p:childTnLst>
                          </p:cTn>
                        </p:par>
                      </p:childTnLst>
                    </p:cTn>
                  </p:par>
                  <p:par>
                    <p:cTn fill="hold" id="20">
                      <p:stCondLst>
                        <p:cond delay="indefinite"/>
                      </p:stCondLst>
                      <p:childTnLst>
                        <p:par>
                          <p:cTn fill="hold" id="21">
                            <p:stCondLst>
                              <p:cond delay="0"/>
                            </p:stCondLst>
                            <p:childTnLst>
                              <p:par>
                                <p:cTn fill="hold" id="22" nodeType="clickEffect" presetClass="entr" presetID="22" presetSubtype="8">
                                  <p:stCondLst>
                                    <p:cond delay="0"/>
                                  </p:stCondLst>
                                  <p:childTnLst>
                                    <p:set>
                                      <p:cBhvr>
                                        <p:cTn dur="1" fill="hold" id="23">
                                          <p:stCondLst>
                                            <p:cond delay="0"/>
                                          </p:stCondLst>
                                        </p:cTn>
                                        <p:tgtEl>
                                          <p:spTgt spid="11"/>
                                        </p:tgtEl>
                                        <p:attrNameLst>
                                          <p:attrName>style.visibility</p:attrName>
                                        </p:attrNameLst>
                                      </p:cBhvr>
                                      <p:to>
                                        <p:strVal val="visible"/>
                                      </p:to>
                                    </p:set>
                                    <p:animEffect filter="wipe(left)" transition="in">
                                      <p:cBhvr>
                                        <p:cTn dur="500" id="24"/>
                                        <p:tgtEl>
                                          <p:spTgt spid="11"/>
                                        </p:tgtEl>
                                      </p:cBhvr>
                                    </p:animEffect>
                                  </p:childTnLst>
                                </p:cTn>
                              </p:par>
                            </p:childTnLst>
                          </p:cTn>
                        </p:par>
                      </p:childTnLst>
                    </p:cTn>
                  </p:par>
                  <p:par>
                    <p:cTn fill="hold" id="25">
                      <p:stCondLst>
                        <p:cond delay="indefinite"/>
                      </p:stCondLst>
                      <p:childTnLst>
                        <p:par>
                          <p:cTn fill="hold" id="26">
                            <p:stCondLst>
                              <p:cond delay="0"/>
                            </p:stCondLst>
                            <p:childTnLst>
                              <p:par>
                                <p:cTn fill="hold" grpId="0" id="27" nodeType="clickEffect" presetClass="entr" presetID="22" presetSubtype="8">
                                  <p:stCondLst>
                                    <p:cond delay="0"/>
                                  </p:stCondLst>
                                  <p:childTnLst>
                                    <p:set>
                                      <p:cBhvr>
                                        <p:cTn dur="1" fill="hold" id="28">
                                          <p:stCondLst>
                                            <p:cond delay="0"/>
                                          </p:stCondLst>
                                        </p:cTn>
                                        <p:tgtEl>
                                          <p:spTgt spid="12"/>
                                        </p:tgtEl>
                                        <p:attrNameLst>
                                          <p:attrName>style.visibility</p:attrName>
                                        </p:attrNameLst>
                                      </p:cBhvr>
                                      <p:to>
                                        <p:strVal val="visible"/>
                                      </p:to>
                                    </p:set>
                                    <p:animEffect filter="wipe(left)" transition="in">
                                      <p:cBhvr>
                                        <p:cTn dur="500" id="29"/>
                                        <p:tgtEl>
                                          <p:spTgt spid="12"/>
                                        </p:tgtEl>
                                      </p:cBhvr>
                                    </p:animEffect>
                                  </p:childTnLst>
                                </p:cTn>
                              </p:par>
                            </p:childTnLst>
                          </p:cTn>
                        </p:par>
                        <p:par>
                          <p:cTn fill="hold" id="30">
                            <p:stCondLst>
                              <p:cond delay="500"/>
                            </p:stCondLst>
                            <p:childTnLst>
                              <p:par>
                                <p:cTn fill="hold" grpId="0" id="31" nodeType="afterEffect" presetClass="entr" presetID="10" presetSubtype="0">
                                  <p:stCondLst>
                                    <p:cond delay="0"/>
                                  </p:stCondLst>
                                  <p:childTnLst>
                                    <p:set>
                                      <p:cBhvr>
                                        <p:cTn dur="1" fill="hold" id="32">
                                          <p:stCondLst>
                                            <p:cond delay="0"/>
                                          </p:stCondLst>
                                        </p:cTn>
                                        <p:tgtEl>
                                          <p:spTgt spid="8"/>
                                        </p:tgtEl>
                                        <p:attrNameLst>
                                          <p:attrName>style.visibility</p:attrName>
                                        </p:attrNameLst>
                                      </p:cBhvr>
                                      <p:to>
                                        <p:strVal val="visible"/>
                                      </p:to>
                                    </p:set>
                                    <p:animEffect filter="fade" transition="in">
                                      <p:cBhvr>
                                        <p:cTn dur="500" id="33"/>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grpId="0" spid="3"/>
      <p:bldP grpId="0" spid="5"/>
      <p:bldP grpId="0" spid="8"/>
      <p:bldP animBg="1" grpId="0" spid="12"/>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94730a36368c2c2a8d727d9e067652c8">
            <a:r>
              <a:rPr dirty="0" lang="en-NO"/>
              <a:t>Principes d'appellation</a:t>
            </a:r>
          </a:p>
        </p:txBody>
      </p:sp>
      <p:sp>
        <p:nvSpPr>
          <p:cNvPr id="3" name="Rectangle: Rounded Corners 17">
            <a:extLst>
              <a:ext uri="{FF2B5EF4-FFF2-40B4-BE49-F238E27FC236}">
                <a16:creationId xmlns:a16="http://schemas.microsoft.com/office/drawing/2014/main" id="{7159C0D3-9A3F-B3E3-3659-4AE730AAD3D4}"/>
              </a:ext>
            </a:extLst>
          </p:cNvPr>
          <p:cNvSpPr/>
          <p:nvPr/>
        </p:nvSpPr>
        <p:spPr>
          <a:xfrm>
            <a:off x="2786441" y="1232867"/>
            <a:ext cx="2755171" cy="723839"/>
          </a:xfrm>
          <a:prstGeom prst="roundRect">
            <a:avLst/>
          </a:prstGeom>
          <a:solidFill>
            <a:schemeClr val="accent1"/>
          </a:solidFill>
          <a:ln>
            <a:noFill/>
          </a:ln>
        </p:spPr>
        <p:style>
          <a:lnRef idx="0">
            <a:scrgbClr b="0" g="0" r="0"/>
          </a:lnRef>
          <a:fillRef idx="0">
            <a:scrgbClr b="0" g="0" r="0"/>
          </a:fillRef>
          <a:effectRef idx="0">
            <a:scrgbClr b="0" g="0" r="0"/>
          </a:effectRef>
          <a:fontRef idx="minor">
            <a:schemeClr val="lt1"/>
          </a:fontRef>
        </p:style>
        <p:txBody>
          <a:bodyPr anchor="ctr" rtlCol="0"/>
          <a:lstStyle/>
          <a:p txid="35ff0af03b1ec1ace56bcaad6b1e1a94">
            <a:pPr algn="ctr"/>
            <a:r>
              <a:rPr dirty="0" err="1" lang="es-ES" sz="2400"/>
              <a:t> </a:t>
            </a:r>
            <a:r>
              <a:rPr dirty="0" lang="es-ES" sz="2400"/>
              <a:t> Principe    #2  </a:t>
            </a:r>
          </a:p>
        </p:txBody>
      </p:sp>
      <p:sp>
        <p:nvSpPr>
          <p:cNvPr id="6" name="TextBox 5">
            <a:extLst>
              <a:ext uri="{FF2B5EF4-FFF2-40B4-BE49-F238E27FC236}">
                <a16:creationId xmlns:a16="http://schemas.microsoft.com/office/drawing/2014/main" id="{50749C76-5DFC-E2D6-CC6B-D624FB905A33}"/>
              </a:ext>
            </a:extLst>
          </p:cNvPr>
          <p:cNvSpPr txBox="1"/>
          <p:nvPr/>
        </p:nvSpPr>
        <p:spPr>
          <a:xfrm>
            <a:off x="6480630" y="1179288"/>
            <a:ext cx="4267200" cy="830997"/>
          </a:xfrm>
          <a:prstGeom prst="rect">
            <a:avLst/>
          </a:prstGeom>
          <a:noFill/>
        </p:spPr>
        <p:txBody>
          <a:bodyPr rtlCol="0" wrap="square">
            <a:spAutoFit/>
          </a:bodyPr>
          <a:lstStyle/>
          <a:p txid="f2f6fb8bddd25b1ee1211063acc085e2">
            <a:pPr algn="l" indent="-342900" marL="342900">
              <a:buClr>
                <a:srgbClr val="008CCF"/>
              </a:buClr>
              <a:buFont charset="-79" pitchFamily="2" typeface="Rubik"/>
              <a:buChar char="•"/>
            </a:pPr>
            <a:r>
              <a:rPr lang="es-ES" sz="2400"/>
              <a:t>Placer les informations clés au début du nom</a:t>
            </a:r>
          </a:p>
        </p:txBody>
      </p:sp>
      <p:sp>
        <p:nvSpPr>
          <p:cNvPr id="12" name="TextBox 11">
            <a:extLst>
              <a:ext uri="{FF2B5EF4-FFF2-40B4-BE49-F238E27FC236}">
                <a16:creationId xmlns:a16="http://schemas.microsoft.com/office/drawing/2014/main" id="{28DF73D7-B8DB-8310-213C-5A7B84959D99}"/>
              </a:ext>
            </a:extLst>
          </p:cNvPr>
          <p:cNvSpPr txBox="1"/>
          <p:nvPr/>
        </p:nvSpPr>
        <p:spPr>
          <a:xfrm>
            <a:off x="533400" y="3208545"/>
            <a:ext cx="11163300" cy="615553"/>
          </a:xfrm>
          <a:prstGeom prst="rect">
            <a:avLst/>
          </a:prstGeom>
          <a:noFill/>
        </p:spPr>
        <p:txBody>
          <a:bodyPr bIns="91440" rtlCol="0" tIns="91440" wrap="square">
            <a:spAutoFit/>
          </a:bodyPr>
          <a:lstStyle/>
          <a:p txid="73902af8447b5ea86b67811dc375f090">
            <a:pPr algn="ctr">
              <a:buClr>
                <a:srgbClr val="008CCF"/>
              </a:buClr>
            </a:pPr>
            <a:r>
              <a:rPr lang="es-ES" sz="2800"/>
              <a:t>Cas positifs de Paludisme</a:t>
            </a:r>
            <a:r>
              <a:rPr lang="es-ES" sz="2800">
                <a:solidFill>
                  <a:schemeClr val="accent2"/>
                </a:solidFill>
              </a:rPr>
            </a:r>
            <a:r>
              <a:rPr lang="es-ES" sz="2800"/>
            </a:r>
          </a:p>
        </p:txBody>
      </p:sp>
      <p:sp>
        <p:nvSpPr>
          <p:cNvPr id="14" name="TextBox 13">
            <a:extLst>
              <a:ext uri="{FF2B5EF4-FFF2-40B4-BE49-F238E27FC236}">
                <a16:creationId xmlns:a16="http://schemas.microsoft.com/office/drawing/2014/main" id="{687024CB-1EC8-5955-A4BE-C6D90B45A10B}"/>
              </a:ext>
            </a:extLst>
          </p:cNvPr>
          <p:cNvSpPr txBox="1"/>
          <p:nvPr/>
        </p:nvSpPr>
        <p:spPr>
          <a:xfrm>
            <a:off x="526146" y="3208545"/>
            <a:ext cx="11163300" cy="615553"/>
          </a:xfrm>
          <a:prstGeom prst="rect">
            <a:avLst/>
          </a:prstGeom>
          <a:noFill/>
        </p:spPr>
        <p:txBody>
          <a:bodyPr bIns="91440" rtlCol="0" tIns="91440" wrap="square">
            <a:spAutoFit/>
          </a:bodyPr>
          <a:lstStyle/>
          <a:p txid="5c9cf49d7ee80a80abdeb8b394ebfee2">
            <a:pPr algn="ctr">
              <a:buClr>
                <a:srgbClr val="008CCF"/>
              </a:buClr>
            </a:pPr>
            <a:r>
              <a:rPr lang="es-ES" sz="2800">
                <a:solidFill>
                  <a:schemeClr val="accent2"/>
                </a:solidFill>
              </a:rPr>
              <a:t>Paludisme Cas positifs</a:t>
            </a:r>
            <a:r>
              <a:rPr lang="es-ES" sz="2800"/>
            </a:r>
          </a:p>
        </p:txBody>
      </p:sp>
      <p:sp>
        <p:nvSpPr>
          <p:cNvPr id="15" name="TextBox 14">
            <a:extLst>
              <a:ext uri="{FF2B5EF4-FFF2-40B4-BE49-F238E27FC236}">
                <a16:creationId xmlns:a16="http://schemas.microsoft.com/office/drawing/2014/main" id="{52385DBB-AF92-9E06-48C2-EE6CA4F1ECD3}"/>
              </a:ext>
            </a:extLst>
          </p:cNvPr>
          <p:cNvSpPr txBox="1"/>
          <p:nvPr/>
        </p:nvSpPr>
        <p:spPr>
          <a:xfrm>
            <a:off x="3098794" y="4079333"/>
            <a:ext cx="3614062" cy="830997"/>
          </a:xfrm>
          <a:prstGeom prst="rect">
            <a:avLst/>
          </a:prstGeom>
          <a:noFill/>
        </p:spPr>
        <p:txBody>
          <a:bodyPr rtlCol="0" wrap="square">
            <a:spAutoFit/>
          </a:bodyPr>
          <a:lstStyle/>
          <a:p txid="1aa4110a515c8a827ecc6c2ce6c85337">
            <a:pPr algn="ctr">
              <a:buClr>
                <a:srgbClr val="008CCF"/>
              </a:buClr>
            </a:pPr>
            <a:r>
              <a:rPr b="0" i="0" kern="1200" lang="en-US" strike="noStrike" sz="2400" u="none">
                <a:solidFill>
                  <a:schemeClr val="tx1"/>
                </a:solidFill>
                <a:effectLst/>
                <a:ea typeface="+mn-ea"/>
                <a:cs typeface="+mn-cs"/>
              </a:rPr>
              <a:t>Ceci permettra de trier tous les éléments liés au paludisme</a:t>
            </a:r>
            <a:endParaRPr lang="es-ES" sz="2400"/>
          </a:p>
        </p:txBody>
      </p:sp>
      <p:sp>
        <p:nvSpPr>
          <p:cNvPr id="16" name="Right Brace 15">
            <a:extLst>
              <a:ext uri="{FF2B5EF4-FFF2-40B4-BE49-F238E27FC236}">
                <a16:creationId xmlns:a16="http://schemas.microsoft.com/office/drawing/2014/main" id="{07ECA9E6-0EB4-BE17-D224-C5ACBC940402}"/>
              </a:ext>
            </a:extLst>
          </p:cNvPr>
          <p:cNvSpPr/>
          <p:nvPr/>
        </p:nvSpPr>
        <p:spPr>
          <a:xfrm rot="5400000">
            <a:off x="4795161" y="3093759"/>
            <a:ext cx="236668" cy="1371600"/>
          </a:xfrm>
          <a:prstGeom prst="rightBrace">
            <a:avLst>
              <a:gd fmla="val 78093" name="adj1"/>
              <a:gd fmla="val 50000" name="adj2"/>
            </a:avLst>
          </a:prstGeom>
          <a:ln cap="rnd" w="2857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056563646"/>
      </p:ext>
    </p:extLst>
  </p:cSld>
  <p:clrMapOvr>
    <a:masterClrMapping/>
  </p:clrMapOvr>
  <mc:AlternateContent xmlns:mc="http://schemas.openxmlformats.org/markup-compatibility/2006" xmlns:p14="http://schemas.microsoft.com/office/powerpoint/2010/main">
    <mc:Choice Requires="p14">
      <p:transition advTm="24864" p14:dur="2000" spd="slow"/>
    </mc:Choice>
    <mc:Fallback xmlns="">
      <p:transition advTm="2486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47" presetSubtype="0">
                                  <p:stCondLst>
                                    <p:cond delay="0"/>
                                  </p:stCondLst>
                                  <p:childTnLst>
                                    <p:set>
                                      <p:cBhvr>
                                        <p:cTn dur="1" fill="hold" id="16">
                                          <p:stCondLst>
                                            <p:cond delay="0"/>
                                          </p:stCondLst>
                                        </p:cTn>
                                        <p:tgtEl>
                                          <p:spTgt spid="12"/>
                                        </p:tgtEl>
                                        <p:attrNameLst>
                                          <p:attrName>style.visibility</p:attrName>
                                        </p:attrNameLst>
                                      </p:cBhvr>
                                      <p:to>
                                        <p:strVal val="visible"/>
                                      </p:to>
                                    </p:set>
                                    <p:animEffect filter="fade" transition="in">
                                      <p:cBhvr>
                                        <p:cTn dur="500" id="17"/>
                                        <p:tgtEl>
                                          <p:spTgt spid="12"/>
                                        </p:tgtEl>
                                      </p:cBhvr>
                                    </p:animEffect>
                                    <p:anim calcmode="lin" valueType="num">
                                      <p:cBhvr>
                                        <p:cTn dur="500" fill="hold" id="18"/>
                                        <p:tgtEl>
                                          <p:spTgt spid="12"/>
                                        </p:tgtEl>
                                        <p:attrNameLst>
                                          <p:attrName>ppt_x</p:attrName>
                                        </p:attrNameLst>
                                      </p:cBhvr>
                                      <p:tavLst>
                                        <p:tav tm="0">
                                          <p:val>
                                            <p:strVal val="#ppt_x"/>
                                          </p:val>
                                        </p:tav>
                                        <p:tav tm="100000">
                                          <p:val>
                                            <p:strVal val="#ppt_x"/>
                                          </p:val>
                                        </p:tav>
                                      </p:tavLst>
                                    </p:anim>
                                    <p:anim calcmode="lin" valueType="num">
                                      <p:cBhvr>
                                        <p:cTn dur="500" fill="hold" id="19"/>
                                        <p:tgtEl>
                                          <p:spTgt spid="12"/>
                                        </p:tgtEl>
                                        <p:attrNameLst>
                                          <p:attrName>ppt_y</p:attrName>
                                        </p:attrNameLst>
                                      </p:cBhvr>
                                      <p:tavLst>
                                        <p:tav tm="0">
                                          <p:val>
                                            <p:strVal val="#ppt_y-.1"/>
                                          </p:val>
                                        </p:tav>
                                        <p:tav tm="100000">
                                          <p:val>
                                            <p:strVal val="#ppt_y"/>
                                          </p:val>
                                        </p:tav>
                                      </p:tavLst>
                                    </p:anim>
                                  </p:childTnLst>
                                </p:cTn>
                              </p:par>
                            </p:childTnLst>
                          </p:cTn>
                        </p:par>
                      </p:childTnLst>
                    </p:cTn>
                  </p:par>
                  <p:par>
                    <p:cTn fill="hold" id="20">
                      <p:stCondLst>
                        <p:cond delay="indefinite"/>
                      </p:stCondLst>
                      <p:childTnLst>
                        <p:par>
                          <p:cTn fill="hold" id="21">
                            <p:stCondLst>
                              <p:cond delay="0"/>
                            </p:stCondLst>
                            <p:childTnLst>
                              <p:par>
                                <p:cTn fill="hold" grpId="1" id="22" nodeType="clickEffect" presetClass="exit" presetID="10" presetSubtype="0">
                                  <p:stCondLst>
                                    <p:cond delay="0"/>
                                  </p:stCondLst>
                                  <p:childTnLst>
                                    <p:animEffect filter="fade" transition="out">
                                      <p:cBhvr>
                                        <p:cTn dur="500" id="23"/>
                                        <p:tgtEl>
                                          <p:spTgt spid="12"/>
                                        </p:tgtEl>
                                      </p:cBhvr>
                                    </p:animEffect>
                                    <p:set>
                                      <p:cBhvr>
                                        <p:cTn dur="1" fill="hold" id="24">
                                          <p:stCondLst>
                                            <p:cond delay="499"/>
                                          </p:stCondLst>
                                        </p:cTn>
                                        <p:tgtEl>
                                          <p:spTgt spid="12"/>
                                        </p:tgtEl>
                                        <p:attrNameLst>
                                          <p:attrName>style.visibility</p:attrName>
                                        </p:attrNameLst>
                                      </p:cBhvr>
                                      <p:to>
                                        <p:strVal val="hidden"/>
                                      </p:to>
                                    </p:set>
                                  </p:childTnLst>
                                </p:cTn>
                              </p:par>
                              <p:par>
                                <p:cTn fill="hold" grpId="0" id="25" nodeType="withEffect" presetClass="entr" presetID="10" presetSubtype="0">
                                  <p:stCondLst>
                                    <p:cond delay="0"/>
                                  </p:stCondLst>
                                  <p:childTnLst>
                                    <p:set>
                                      <p:cBhvr>
                                        <p:cTn dur="1" fill="hold" id="26">
                                          <p:stCondLst>
                                            <p:cond delay="0"/>
                                          </p:stCondLst>
                                        </p:cTn>
                                        <p:tgtEl>
                                          <p:spTgt spid="14"/>
                                        </p:tgtEl>
                                        <p:attrNameLst>
                                          <p:attrName>style.visibility</p:attrName>
                                        </p:attrNameLst>
                                      </p:cBhvr>
                                      <p:to>
                                        <p:strVal val="visible"/>
                                      </p:to>
                                    </p:set>
                                    <p:animEffect filter="fade" transition="in">
                                      <p:cBhvr>
                                        <p:cTn dur="500" id="27"/>
                                        <p:tgtEl>
                                          <p:spTgt spid="14"/>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22" presetSubtype="8">
                                  <p:stCondLst>
                                    <p:cond delay="0"/>
                                  </p:stCondLst>
                                  <p:childTnLst>
                                    <p:set>
                                      <p:cBhvr>
                                        <p:cTn dur="1" fill="hold" id="31">
                                          <p:stCondLst>
                                            <p:cond delay="0"/>
                                          </p:stCondLst>
                                        </p:cTn>
                                        <p:tgtEl>
                                          <p:spTgt spid="16"/>
                                        </p:tgtEl>
                                        <p:attrNameLst>
                                          <p:attrName>style.visibility</p:attrName>
                                        </p:attrNameLst>
                                      </p:cBhvr>
                                      <p:to>
                                        <p:strVal val="visible"/>
                                      </p:to>
                                    </p:set>
                                    <p:animEffect filter="wipe(left)" transition="in">
                                      <p:cBhvr>
                                        <p:cTn dur="500" id="32"/>
                                        <p:tgtEl>
                                          <p:spTgt spid="16"/>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15"/>
                                        </p:tgtEl>
                                        <p:attrNameLst>
                                          <p:attrName>style.visibility</p:attrName>
                                        </p:attrNameLst>
                                      </p:cBhvr>
                                      <p:to>
                                        <p:strVal val="visible"/>
                                      </p:to>
                                    </p:set>
                                    <p:animEffect filter="fade" transition="in">
                                      <p:cBhvr>
                                        <p:cTn dur="500" id="3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P grpId="0" spid="6"/>
      <p:bldP grpId="0" spid="12"/>
      <p:bldP grpId="1" spid="12"/>
      <p:bldP grpId="0" spid="14"/>
      <p:bldP grpId="0" spid="15"/>
      <p:bldP animBg="1" grpId="0" spid="16"/>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94730a36368c2c2a8d727d9e067652c8">
            <a:r>
              <a:rPr dirty="0" lang="en-NO"/>
              <a:t>Principes d'appellation</a:t>
            </a:r>
          </a:p>
        </p:txBody>
      </p:sp>
      <p:sp>
        <p:nvSpPr>
          <p:cNvPr id="3" name="Rectangle: Rounded Corners 17">
            <a:extLst>
              <a:ext uri="{FF2B5EF4-FFF2-40B4-BE49-F238E27FC236}">
                <a16:creationId xmlns:a16="http://schemas.microsoft.com/office/drawing/2014/main" id="{A47AA342-7C43-BC0F-483D-AF0626503C5A}"/>
              </a:ext>
            </a:extLst>
          </p:cNvPr>
          <p:cNvSpPr/>
          <p:nvPr/>
        </p:nvSpPr>
        <p:spPr>
          <a:xfrm>
            <a:off x="2763437" y="1286446"/>
            <a:ext cx="2755171" cy="723839"/>
          </a:xfrm>
          <a:prstGeom prst="roundRect">
            <a:avLst/>
          </a:prstGeom>
          <a:solidFill>
            <a:schemeClr val="accent1"/>
          </a:solidFill>
          <a:ln>
            <a:noFill/>
          </a:ln>
        </p:spPr>
        <p:style>
          <a:lnRef idx="0">
            <a:scrgbClr b="0" g="0" r="0"/>
          </a:lnRef>
          <a:fillRef idx="0">
            <a:scrgbClr b="0" g="0" r="0"/>
          </a:fillRef>
          <a:effectRef idx="0">
            <a:scrgbClr b="0" g="0" r="0"/>
          </a:effectRef>
          <a:fontRef idx="minor">
            <a:schemeClr val="lt1"/>
          </a:fontRef>
        </p:style>
        <p:txBody>
          <a:bodyPr anchor="ctr" rtlCol="0"/>
          <a:lstStyle/>
          <a:p txid="ba2ef9fa5aaba29298fe9bbd84af57b3">
            <a:pPr algn="ctr"/>
            <a:r>
              <a:rPr dirty="0" err="1" lang="es-ES" sz="2400"/>
              <a:t> </a:t>
            </a:r>
            <a:r>
              <a:rPr dirty="0" lang="es-ES" sz="2400"/>
              <a:t> Principe    #3  </a:t>
            </a:r>
          </a:p>
        </p:txBody>
      </p:sp>
      <p:sp>
        <p:nvSpPr>
          <p:cNvPr id="10" name="TextBox 9">
            <a:extLst>
              <a:ext uri="{FF2B5EF4-FFF2-40B4-BE49-F238E27FC236}">
                <a16:creationId xmlns:a16="http://schemas.microsoft.com/office/drawing/2014/main" id="{7B821B4A-C35B-B14B-B1C1-CCF198CEA6FA}"/>
              </a:ext>
            </a:extLst>
          </p:cNvPr>
          <p:cNvSpPr txBox="1"/>
          <p:nvPr/>
        </p:nvSpPr>
        <p:spPr>
          <a:xfrm>
            <a:off x="2961130" y="4440518"/>
            <a:ext cx="1428596" cy="461665"/>
          </a:xfrm>
          <a:prstGeom prst="rect">
            <a:avLst/>
          </a:prstGeom>
          <a:noFill/>
        </p:spPr>
        <p:txBody>
          <a:bodyPr rtlCol="0" wrap="none">
            <a:spAutoFit/>
          </a:bodyPr>
          <a:lstStyle/>
          <a:p txid="e81f52e77f5f286dcca1d0ecdd28e767">
            <a:pPr algn="l">
              <a:buClr>
                <a:srgbClr val="008CCF"/>
              </a:buClr>
            </a:pPr>
            <a:r>
              <a:rPr lang="en-NO" sz="2400">
                <a:latin typeface="+mj-lt"/>
              </a:rPr>
              <a:t> </a:t>
            </a:r>
            <a:r>
              <a:rPr lang="es-ES" sz="2400">
                <a:latin typeface="+mj-lt"/>
              </a:rPr>
              <a:t> Paludisme   ?  </a:t>
            </a:r>
            <a:endParaRPr dirty="0" lang="en-NO" sz="2400">
              <a:latin typeface="+mj-lt"/>
            </a:endParaRPr>
          </a:p>
        </p:txBody>
      </p:sp>
      <p:sp>
        <p:nvSpPr>
          <p:cNvPr id="11" name="TextBox 10">
            <a:extLst>
              <a:ext uri="{FF2B5EF4-FFF2-40B4-BE49-F238E27FC236}">
                <a16:creationId xmlns:a16="http://schemas.microsoft.com/office/drawing/2014/main" id="{13F89B56-FA60-11E6-445C-CD4AD6794F19}"/>
              </a:ext>
            </a:extLst>
          </p:cNvPr>
          <p:cNvSpPr txBox="1"/>
          <p:nvPr/>
        </p:nvSpPr>
        <p:spPr>
          <a:xfrm>
            <a:off x="4957224" y="4440518"/>
            <a:ext cx="2270173" cy="461665"/>
          </a:xfrm>
          <a:prstGeom prst="rect">
            <a:avLst/>
          </a:prstGeom>
          <a:noFill/>
        </p:spPr>
        <p:txBody>
          <a:bodyPr rtlCol="0" wrap="none">
            <a:spAutoFit/>
          </a:bodyPr>
          <a:lstStyle/>
          <a:p txid="af55ffbf2396ae1636c9c890ff235a1e">
            <a:pPr algn="l">
              <a:buClr>
                <a:srgbClr val="008CCF"/>
              </a:buClr>
            </a:pPr>
            <a:r>
              <a:rPr lang="en-NO" sz="2400">
                <a:latin typeface="+mj-lt"/>
              </a:rPr>
              <a:t> Tuberculose ? </a:t>
            </a:r>
            <a:r>
              <a:rPr lang="es-ES" sz="2400">
                <a:latin typeface="+mj-lt"/>
              </a:rPr>
            </a:r>
            <a:endParaRPr dirty="0" lang="en-NO" sz="2400">
              <a:latin typeface="+mj-lt"/>
            </a:endParaRPr>
          </a:p>
        </p:txBody>
      </p:sp>
      <p:sp>
        <p:nvSpPr>
          <p:cNvPr id="12" name="TextBox 11">
            <a:extLst>
              <a:ext uri="{FF2B5EF4-FFF2-40B4-BE49-F238E27FC236}">
                <a16:creationId xmlns:a16="http://schemas.microsoft.com/office/drawing/2014/main" id="{BC21539D-70BF-7EDF-FF3E-903073100E06}"/>
              </a:ext>
            </a:extLst>
          </p:cNvPr>
          <p:cNvSpPr txBox="1"/>
          <p:nvPr/>
        </p:nvSpPr>
        <p:spPr>
          <a:xfrm>
            <a:off x="7794895" y="4440518"/>
            <a:ext cx="1508746" cy="461665"/>
          </a:xfrm>
          <a:prstGeom prst="rect">
            <a:avLst/>
          </a:prstGeom>
          <a:noFill/>
        </p:spPr>
        <p:txBody>
          <a:bodyPr rtlCol="0" wrap="none">
            <a:spAutoFit/>
          </a:bodyPr>
          <a:lstStyle/>
          <a:p txid="c65d853940d3064600b4ad20588cc854">
            <a:pPr algn="l">
              <a:buClr>
                <a:srgbClr val="008CCF"/>
              </a:buClr>
            </a:pPr>
            <a:r>
              <a:rPr lang="en-NO" sz="2400">
                <a:latin typeface="+mj-lt"/>
              </a:rPr>
              <a:t>Choléra ? </a:t>
            </a:r>
            <a:r>
              <a:rPr lang="es-ES" sz="2400">
                <a:latin typeface="+mj-lt"/>
              </a:rPr>
            </a:r>
            <a:endParaRPr dirty="0" lang="en-NO" sz="2400">
              <a:latin typeface="+mj-lt"/>
            </a:endParaRPr>
          </a:p>
        </p:txBody>
      </p:sp>
      <p:sp>
        <p:nvSpPr>
          <p:cNvPr id="13" name="TextBox 12">
            <a:extLst>
              <a:ext uri="{FF2B5EF4-FFF2-40B4-BE49-F238E27FC236}">
                <a16:creationId xmlns:a16="http://schemas.microsoft.com/office/drawing/2014/main" id="{73DBB707-16E0-059E-79EC-115797326636}"/>
              </a:ext>
            </a:extLst>
          </p:cNvPr>
          <p:cNvSpPr txBox="1"/>
          <p:nvPr/>
        </p:nvSpPr>
        <p:spPr>
          <a:xfrm>
            <a:off x="6480630" y="1179288"/>
            <a:ext cx="4267200" cy="1200329"/>
          </a:xfrm>
          <a:prstGeom prst="rect">
            <a:avLst/>
          </a:prstGeom>
          <a:noFill/>
        </p:spPr>
        <p:txBody>
          <a:bodyPr rtlCol="0" wrap="square">
            <a:spAutoFit/>
          </a:bodyPr>
          <a:lstStyle/>
          <a:p txid="41267e5d49e5a739b457ad685f67811f">
            <a:pPr algn="l" indent="-342900" marL="342900">
              <a:buClr>
                <a:srgbClr val="008CCF"/>
              </a:buClr>
              <a:buFont charset="-79" pitchFamily="2" typeface="Rubik"/>
              <a:buChar char="•"/>
            </a:pPr>
            <a:r>
              <a:rPr lang="es-ES" sz="2400"/>
              <a:t>Être explicite sur le programme auquel appartient l'élément de données</a:t>
            </a:r>
          </a:p>
        </p:txBody>
      </p:sp>
      <p:sp>
        <p:nvSpPr>
          <p:cNvPr id="14" name="TextBox 13">
            <a:extLst>
              <a:ext uri="{FF2B5EF4-FFF2-40B4-BE49-F238E27FC236}">
                <a16:creationId xmlns:a16="http://schemas.microsoft.com/office/drawing/2014/main" id="{95517906-99AD-C6C5-95FE-C6729968FED7}"/>
              </a:ext>
            </a:extLst>
          </p:cNvPr>
          <p:cNvSpPr txBox="1"/>
          <p:nvPr/>
        </p:nvSpPr>
        <p:spPr>
          <a:xfrm>
            <a:off x="533400" y="3376833"/>
            <a:ext cx="11163300" cy="615553"/>
          </a:xfrm>
          <a:prstGeom prst="rect">
            <a:avLst/>
          </a:prstGeom>
          <a:noFill/>
        </p:spPr>
        <p:txBody>
          <a:bodyPr bIns="91440" rtlCol="0" tIns="91440" wrap="square">
            <a:spAutoFit/>
          </a:bodyPr>
          <a:lstStyle/>
          <a:p txid="564d72f141074c12b2aa854558cfc79e">
            <a:pPr algn="ctr">
              <a:buClr>
                <a:srgbClr val="008CCF"/>
              </a:buClr>
            </a:pPr>
            <a:r>
              <a:rPr lang="en-US" sz="2800"/>
              <a:t>Taux d'incidence des cas pour 100 000 habitants</a:t>
            </a:r>
            <a:endParaRPr lang="es-ES" sz="2800"/>
          </a:p>
        </p:txBody>
      </p:sp>
      <p:pic>
        <p:nvPicPr>
          <p:cNvPr id="15" name="Graphic 14">
            <a:extLst>
              <a:ext uri="{FF2B5EF4-FFF2-40B4-BE49-F238E27FC236}">
                <a16:creationId xmlns:a16="http://schemas.microsoft.com/office/drawing/2014/main" id="{FB5EB4FA-48D4-EB0D-9087-E9FFE4D83E3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1565020" y="4160244"/>
            <a:ext cx="1196654" cy="1196654"/>
          </a:xfrm>
          <a:prstGeom prst="rect">
            <a:avLst/>
          </a:prstGeom>
        </p:spPr>
      </p:pic>
      <p:pic>
        <p:nvPicPr>
          <p:cNvPr id="17" name="Graphic 16">
            <a:extLst>
              <a:ext uri="{FF2B5EF4-FFF2-40B4-BE49-F238E27FC236}">
                <a16:creationId xmlns:a16="http://schemas.microsoft.com/office/drawing/2014/main" id="{8A9D02CA-BF69-4FF1-EC5C-D37C968D3EBC}"/>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645321" y="4232126"/>
            <a:ext cx="1046856" cy="1052890"/>
          </a:xfrm>
          <a:prstGeom prst="rect">
            <a:avLst/>
          </a:prstGeom>
        </p:spPr>
      </p:pic>
      <p:pic>
        <p:nvPicPr>
          <p:cNvPr id="19" name="Graphic 18">
            <a:extLst>
              <a:ext uri="{FF2B5EF4-FFF2-40B4-BE49-F238E27FC236}">
                <a16:creationId xmlns:a16="http://schemas.microsoft.com/office/drawing/2014/main" id="{87577BFD-68F2-BA0C-897C-4B38822C8396}"/>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575824" y="4245672"/>
            <a:ext cx="1046856" cy="1025798"/>
          </a:xfrm>
          <a:prstGeom prst="rect">
            <a:avLst/>
          </a:prstGeom>
        </p:spPr>
      </p:pic>
      <p:pic>
        <p:nvPicPr>
          <p:cNvPr id="21" name="Graphic 20">
            <a:extLst>
              <a:ext uri="{FF2B5EF4-FFF2-40B4-BE49-F238E27FC236}">
                <a16:creationId xmlns:a16="http://schemas.microsoft.com/office/drawing/2014/main" id="{390A3F3E-C6FE-EDC1-BD3D-64A0535798A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7506327" y="4299995"/>
            <a:ext cx="779711" cy="917152"/>
          </a:xfrm>
          <a:prstGeom prst="rect">
            <a:avLst/>
          </a:prstGeom>
        </p:spPr>
      </p:pic>
      <p:grpSp>
        <p:nvGrpSpPr>
          <p:cNvPr id="33" name="Group 32">
            <a:extLst>
              <a:ext uri="{FF2B5EF4-FFF2-40B4-BE49-F238E27FC236}">
                <a16:creationId xmlns:a16="http://schemas.microsoft.com/office/drawing/2014/main" id="{CCA3F1F8-C19A-DAF1-2D84-21E0CFC8345E}"/>
              </a:ext>
            </a:extLst>
          </p:cNvPr>
          <p:cNvGrpSpPr/>
          <p:nvPr/>
        </p:nvGrpSpPr>
        <p:grpSpPr>
          <a:xfrm>
            <a:off x="9169683" y="4329105"/>
            <a:ext cx="1172674" cy="858932"/>
            <a:chOff x="9400591" y="4042175"/>
            <a:chExt cx="1285506" cy="941576"/>
          </a:xfrm>
        </p:grpSpPr>
        <p:sp>
          <p:nvSpPr>
            <p:cNvPr id="25" name="Freeform: Shape 24">
              <a:extLst>
                <a:ext uri="{FF2B5EF4-FFF2-40B4-BE49-F238E27FC236}">
                  <a16:creationId xmlns:a16="http://schemas.microsoft.com/office/drawing/2014/main" id="{EA662BD9-B7FB-87C4-3A46-C6B3D0CD8DB8}"/>
                </a:ext>
              </a:extLst>
            </p:cNvPr>
            <p:cNvSpPr/>
            <p:nvPr/>
          </p:nvSpPr>
          <p:spPr>
            <a:xfrm>
              <a:off x="9469270" y="4042175"/>
              <a:ext cx="272503" cy="272503"/>
            </a:xfrm>
            <a:custGeom>
              <a:avLst/>
              <a:gdLst>
                <a:gd fmla="*/ 272504 w 272503" name="connsiteX0"/>
                <a:gd fmla="*/ 136252 h 272503" name="connsiteY0"/>
                <a:gd fmla="*/ 136252 w 272503" name="connsiteX1"/>
                <a:gd fmla="*/ 272503 h 272503" name="connsiteY1"/>
                <a:gd fmla="*/ 0 w 272503" name="connsiteX2"/>
                <a:gd fmla="*/ 136252 h 272503" name="connsiteY2"/>
                <a:gd fmla="*/ 136252 w 272503" name="connsiteX3"/>
                <a:gd fmla="*/ 0 h 272503" name="connsiteY3"/>
                <a:gd fmla="*/ 272504 w 272503" name="connsiteX4"/>
                <a:gd fmla="*/ 136252 h 2725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72503" w="272503">
                  <a:moveTo>
                    <a:pt x="272504" y="136252"/>
                  </a:moveTo>
                  <a:cubicBezTo>
                    <a:pt x="272504" y="211501"/>
                    <a:pt x="211502" y="272503"/>
                    <a:pt x="136252" y="272503"/>
                  </a:cubicBezTo>
                  <a:cubicBezTo>
                    <a:pt x="61002" y="272503"/>
                    <a:pt x="0" y="211501"/>
                    <a:pt x="0" y="136252"/>
                  </a:cubicBezTo>
                  <a:cubicBezTo>
                    <a:pt x="0" y="61002"/>
                    <a:pt x="61002" y="0"/>
                    <a:pt x="136252" y="0"/>
                  </a:cubicBezTo>
                  <a:cubicBezTo>
                    <a:pt x="211502" y="0"/>
                    <a:pt x="272504" y="61002"/>
                    <a:pt x="272504" y="136252"/>
                  </a:cubicBezTo>
                  <a:close/>
                </a:path>
              </a:pathLst>
            </a:custGeom>
            <a:solidFill>
              <a:srgbClr val="093371"/>
            </a:solidFill>
            <a:ln cap="flat" w="2201">
              <a:noFill/>
              <a:prstDash val="solid"/>
              <a:miter/>
            </a:ln>
          </p:spPr>
          <p:txBody>
            <a:bodyPr anchor="ctr" rtlCol="0"/>
            <a:lstStyle/>
            <a:p>
              <a:endParaRPr lang="es-ES"/>
            </a:p>
          </p:txBody>
        </p:sp>
        <p:sp>
          <p:nvSpPr>
            <p:cNvPr id="26" name="Freeform: Shape 25">
              <a:extLst>
                <a:ext uri="{FF2B5EF4-FFF2-40B4-BE49-F238E27FC236}">
                  <a16:creationId xmlns:a16="http://schemas.microsoft.com/office/drawing/2014/main" id="{B8CDEFB4-7483-0D57-38D4-0500D1AB1039}"/>
                </a:ext>
              </a:extLst>
            </p:cNvPr>
            <p:cNvSpPr/>
            <p:nvPr/>
          </p:nvSpPr>
          <p:spPr>
            <a:xfrm>
              <a:off x="9400591" y="4361203"/>
              <a:ext cx="412078" cy="622548"/>
            </a:xfrm>
            <a:custGeom>
              <a:avLst/>
              <a:gdLst>
                <a:gd fmla="*/ 206039 w 412078" name="connsiteX0"/>
                <a:gd fmla="*/ 0 h 622548" name="connsiteY0"/>
                <a:gd fmla="*/ 206039 w 412078" name="connsiteX1"/>
                <a:gd fmla="*/ 0 h 622548" name="connsiteY1"/>
                <a:gd fmla="*/ 412079 w 412078" name="connsiteX2"/>
                <a:gd fmla="*/ 206039 h 622548" name="connsiteY2"/>
                <a:gd fmla="*/ 412079 w 412078" name="connsiteX3"/>
                <a:gd fmla="*/ 586879 h 622548" name="connsiteY3"/>
                <a:gd fmla="*/ 376409 w 412078" name="connsiteX4"/>
                <a:gd fmla="*/ 622549 h 622548" name="connsiteY4"/>
                <a:gd fmla="*/ 35669 w 412078" name="connsiteX5"/>
                <a:gd fmla="*/ 622549 h 622548" name="connsiteY5"/>
                <a:gd fmla="*/ 0 w 412078" name="connsiteX6"/>
                <a:gd fmla="*/ 586879 h 622548" name="connsiteY6"/>
                <a:gd fmla="*/ 0 w 412078" name="connsiteX7"/>
                <a:gd fmla="*/ 206039 h 622548" name="connsiteY7"/>
                <a:gd fmla="*/ 206039 w 412078" name="connsiteX8"/>
                <a:gd fmla="*/ 0 h 622548"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622548" w="412078">
                  <a:moveTo>
                    <a:pt x="206039" y="0"/>
                  </a:moveTo>
                  <a:lnTo>
                    <a:pt x="206039" y="0"/>
                  </a:lnTo>
                  <a:cubicBezTo>
                    <a:pt x="319760" y="0"/>
                    <a:pt x="412079" y="92319"/>
                    <a:pt x="412079" y="206039"/>
                  </a:cubicBezTo>
                  <a:lnTo>
                    <a:pt x="412079" y="586879"/>
                  </a:lnTo>
                  <a:cubicBezTo>
                    <a:pt x="412079" y="606553"/>
                    <a:pt x="396105" y="622549"/>
                    <a:pt x="376409" y="622549"/>
                  </a:cubicBezTo>
                  <a:lnTo>
                    <a:pt x="35669" y="622549"/>
                  </a:lnTo>
                  <a:cubicBezTo>
                    <a:pt x="15974" y="622549"/>
                    <a:pt x="0" y="606575"/>
                    <a:pt x="0" y="586879"/>
                  </a:cubicBezTo>
                  <a:lnTo>
                    <a:pt x="0" y="206039"/>
                  </a:lnTo>
                  <a:cubicBezTo>
                    <a:pt x="0" y="92319"/>
                    <a:pt x="92319" y="0"/>
                    <a:pt x="206039" y="0"/>
                  </a:cubicBezTo>
                  <a:close/>
                </a:path>
              </a:pathLst>
            </a:custGeom>
            <a:solidFill>
              <a:srgbClr val="093371"/>
            </a:solidFill>
            <a:ln cap="flat" w="2201">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178778FB-C9FE-2BA0-8439-4D2290B744EB}"/>
                </a:ext>
              </a:extLst>
            </p:cNvPr>
            <p:cNvSpPr/>
            <p:nvPr/>
          </p:nvSpPr>
          <p:spPr>
            <a:xfrm>
              <a:off x="9984368" y="4361092"/>
              <a:ext cx="180206" cy="180206"/>
            </a:xfrm>
            <a:custGeom>
              <a:avLst/>
              <a:gdLst>
                <a:gd fmla="*/ 180207 w 180206" name="connsiteX0"/>
                <a:gd fmla="*/ 90103 h 180206" name="connsiteY0"/>
                <a:gd fmla="*/ 90103 w 180206" name="connsiteX1"/>
                <a:gd fmla="*/ 180207 h 180206" name="connsiteY1"/>
                <a:gd fmla="*/ 0 w 180206" name="connsiteX2"/>
                <a:gd fmla="*/ 90103 h 180206" name="connsiteY2"/>
                <a:gd fmla="*/ 90103 w 180206" name="connsiteX3"/>
                <a:gd fmla="*/ 0 h 180206" name="connsiteY3"/>
                <a:gd fmla="*/ 180207 w 180206" name="connsiteX4"/>
                <a:gd fmla="*/ 90103 h 18020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80206" w="180206">
                  <a:moveTo>
                    <a:pt x="180207" y="90103"/>
                  </a:moveTo>
                  <a:cubicBezTo>
                    <a:pt x="180207" y="139866"/>
                    <a:pt x="139866" y="180207"/>
                    <a:pt x="90103" y="180207"/>
                  </a:cubicBezTo>
                  <a:cubicBezTo>
                    <a:pt x="40341" y="180207"/>
                    <a:pt x="0" y="139866"/>
                    <a:pt x="0" y="90103"/>
                  </a:cubicBezTo>
                  <a:cubicBezTo>
                    <a:pt x="0" y="40341"/>
                    <a:pt x="40341" y="0"/>
                    <a:pt x="90103" y="0"/>
                  </a:cubicBezTo>
                  <a:cubicBezTo>
                    <a:pt x="139866" y="0"/>
                    <a:pt x="180207" y="40341"/>
                    <a:pt x="180207" y="90103"/>
                  </a:cubicBezTo>
                  <a:close/>
                </a:path>
              </a:pathLst>
            </a:custGeom>
            <a:solidFill>
              <a:srgbClr val="093371"/>
            </a:solidFill>
            <a:ln cap="flat" w="2201">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394ED49F-211D-43AF-D7DC-0DEC8845EC45}"/>
                </a:ext>
              </a:extLst>
            </p:cNvPr>
            <p:cNvSpPr/>
            <p:nvPr/>
          </p:nvSpPr>
          <p:spPr>
            <a:xfrm>
              <a:off x="9938973" y="4572072"/>
              <a:ext cx="272481" cy="411679"/>
            </a:xfrm>
            <a:custGeom>
              <a:avLst/>
              <a:gdLst>
                <a:gd fmla="*/ 136230 w 272481" name="connsiteX0"/>
                <a:gd fmla="*/ 0 h 411679" name="connsiteY0"/>
                <a:gd fmla="*/ 136230 w 272481" name="connsiteX1"/>
                <a:gd fmla="*/ 0 h 411679" name="connsiteY1"/>
                <a:gd fmla="*/ 272481 w 272481" name="connsiteX2"/>
                <a:gd fmla="*/ 136252 h 411679" name="connsiteY2"/>
                <a:gd fmla="*/ 272481 w 272481" name="connsiteX3"/>
                <a:gd fmla="*/ 377185 h 411679" name="connsiteY3"/>
                <a:gd fmla="*/ 237986 w 272481" name="connsiteX4"/>
                <a:gd fmla="*/ 411680 h 411679" name="connsiteY4"/>
                <a:gd fmla="*/ 34495 w 272481" name="connsiteX5"/>
                <a:gd fmla="*/ 411680 h 411679" name="connsiteY5"/>
                <a:gd fmla="*/ 0 w 272481" name="connsiteX6"/>
                <a:gd fmla="*/ 377185 h 411679" name="connsiteY6"/>
                <a:gd fmla="*/ 0 w 272481" name="connsiteX7"/>
                <a:gd fmla="*/ 136252 h 411679" name="connsiteY7"/>
                <a:gd fmla="*/ 136252 w 272481" name="connsiteX8"/>
                <a:gd fmla="*/ 0 h 41167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411679" w="272481">
                  <a:moveTo>
                    <a:pt x="136230" y="0"/>
                  </a:moveTo>
                  <a:lnTo>
                    <a:pt x="136230" y="0"/>
                  </a:lnTo>
                  <a:cubicBezTo>
                    <a:pt x="211423" y="0"/>
                    <a:pt x="272481" y="61058"/>
                    <a:pt x="272481" y="136252"/>
                  </a:cubicBezTo>
                  <a:lnTo>
                    <a:pt x="272481" y="377185"/>
                  </a:lnTo>
                  <a:cubicBezTo>
                    <a:pt x="272481" y="396216"/>
                    <a:pt x="257017" y="411680"/>
                    <a:pt x="237986" y="411680"/>
                  </a:cubicBezTo>
                  <a:lnTo>
                    <a:pt x="34495" y="411680"/>
                  </a:lnTo>
                  <a:cubicBezTo>
                    <a:pt x="15464" y="411680"/>
                    <a:pt x="0" y="396216"/>
                    <a:pt x="0" y="377185"/>
                  </a:cubicBezTo>
                  <a:lnTo>
                    <a:pt x="0" y="136252"/>
                  </a:lnTo>
                  <a:cubicBezTo>
                    <a:pt x="0" y="61058"/>
                    <a:pt x="61059" y="0"/>
                    <a:pt x="136252" y="0"/>
                  </a:cubicBezTo>
                  <a:close/>
                </a:path>
              </a:pathLst>
            </a:custGeom>
            <a:solidFill>
              <a:srgbClr val="093371"/>
            </a:solidFill>
            <a:ln cap="flat" w="2201">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1319E835-829F-EF57-DA02-9E45F452054A}"/>
                </a:ext>
              </a:extLst>
            </p:cNvPr>
            <p:cNvSpPr/>
            <p:nvPr/>
          </p:nvSpPr>
          <p:spPr>
            <a:xfrm>
              <a:off x="10397643" y="4192827"/>
              <a:ext cx="228902" cy="228902"/>
            </a:xfrm>
            <a:custGeom>
              <a:avLst/>
              <a:gdLst>
                <a:gd fmla="*/ 228903 w 228902" name="connsiteX0"/>
                <a:gd fmla="*/ 114451 h 228902" name="connsiteY0"/>
                <a:gd fmla="*/ 114451 w 228902" name="connsiteX1"/>
                <a:gd fmla="*/ 228903 h 228902" name="connsiteY1"/>
                <a:gd fmla="*/ 0 w 228902" name="connsiteX2"/>
                <a:gd fmla="*/ 114451 h 228902" name="connsiteY2"/>
                <a:gd fmla="*/ 114451 w 228902" name="connsiteX3"/>
                <a:gd fmla="*/ 0 h 228902" name="connsiteY3"/>
                <a:gd fmla="*/ 228903 w 228902" name="connsiteX4"/>
                <a:gd fmla="*/ 114451 h 228902"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28902" w="228902">
                  <a:moveTo>
                    <a:pt x="228903" y="114451"/>
                  </a:moveTo>
                  <a:cubicBezTo>
                    <a:pt x="228903" y="177661"/>
                    <a:pt x="177661" y="228903"/>
                    <a:pt x="114451" y="228903"/>
                  </a:cubicBezTo>
                  <a:cubicBezTo>
                    <a:pt x="51242" y="228903"/>
                    <a:pt x="0" y="177661"/>
                    <a:pt x="0" y="114451"/>
                  </a:cubicBezTo>
                  <a:cubicBezTo>
                    <a:pt x="0" y="51242"/>
                    <a:pt x="51242" y="0"/>
                    <a:pt x="114451" y="0"/>
                  </a:cubicBezTo>
                  <a:cubicBezTo>
                    <a:pt x="177661" y="0"/>
                    <a:pt x="228903" y="51242"/>
                    <a:pt x="228903" y="114451"/>
                  </a:cubicBezTo>
                  <a:close/>
                </a:path>
              </a:pathLst>
            </a:custGeom>
            <a:solidFill>
              <a:srgbClr val="093371"/>
            </a:solidFill>
            <a:ln cap="flat" w="2201">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9C5991AC-4B3E-C3F8-AF41-032A8F2117C0}"/>
                </a:ext>
              </a:extLst>
            </p:cNvPr>
            <p:cNvSpPr/>
            <p:nvPr/>
          </p:nvSpPr>
          <p:spPr>
            <a:xfrm>
              <a:off x="10339952" y="4460811"/>
              <a:ext cx="346145" cy="522940"/>
            </a:xfrm>
            <a:custGeom>
              <a:avLst/>
              <a:gdLst>
                <a:gd fmla="*/ 173073 w 346145" name="connsiteX0"/>
                <a:gd fmla="*/ 0 h 522940" name="connsiteY0"/>
                <a:gd fmla="*/ 173073 w 346145" name="connsiteX1"/>
                <a:gd fmla="*/ 0 h 522940" name="connsiteY1"/>
                <a:gd fmla="*/ 346146 w 346145" name="connsiteX2"/>
                <a:gd fmla="*/ 173073 h 522940" name="connsiteY2"/>
                <a:gd fmla="*/ 346146 w 346145" name="connsiteX3"/>
                <a:gd fmla="*/ 487981 h 522940" name="connsiteY3"/>
                <a:gd fmla="*/ 311186 w 346145" name="connsiteX4"/>
                <a:gd fmla="*/ 522941 h 522940" name="connsiteY4"/>
                <a:gd fmla="*/ 34960 w 346145" name="connsiteX5"/>
                <a:gd fmla="*/ 522941 h 522940" name="connsiteY5"/>
                <a:gd fmla="*/ 0 w 346145" name="connsiteX6"/>
                <a:gd fmla="*/ 487981 h 522940" name="connsiteY6"/>
                <a:gd fmla="*/ 0 w 346145" name="connsiteX7"/>
                <a:gd fmla="*/ 173073 h 522940" name="connsiteY7"/>
                <a:gd fmla="*/ 173073 w 346145" name="connsiteX8"/>
                <a:gd fmla="*/ 0 h 522940"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22940" w="346145">
                  <a:moveTo>
                    <a:pt x="173073" y="0"/>
                  </a:moveTo>
                  <a:lnTo>
                    <a:pt x="173073" y="0"/>
                  </a:lnTo>
                  <a:cubicBezTo>
                    <a:pt x="268604" y="0"/>
                    <a:pt x="346146" y="77542"/>
                    <a:pt x="346146" y="173073"/>
                  </a:cubicBezTo>
                  <a:lnTo>
                    <a:pt x="346146" y="487981"/>
                  </a:lnTo>
                  <a:cubicBezTo>
                    <a:pt x="346146" y="507277"/>
                    <a:pt x="330483" y="522941"/>
                    <a:pt x="311186" y="522941"/>
                  </a:cubicBezTo>
                  <a:lnTo>
                    <a:pt x="34960" y="522941"/>
                  </a:lnTo>
                  <a:cubicBezTo>
                    <a:pt x="15663" y="522941"/>
                    <a:pt x="0" y="507277"/>
                    <a:pt x="0" y="487981"/>
                  </a:cubicBezTo>
                  <a:lnTo>
                    <a:pt x="0" y="173073"/>
                  </a:lnTo>
                  <a:cubicBezTo>
                    <a:pt x="0" y="77542"/>
                    <a:pt x="77542" y="0"/>
                    <a:pt x="173073" y="0"/>
                  </a:cubicBezTo>
                  <a:close/>
                </a:path>
              </a:pathLst>
            </a:custGeom>
            <a:solidFill>
              <a:srgbClr val="093371"/>
            </a:solidFill>
            <a:ln cap="flat" w="2201">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4602C53C-6061-DE6A-9238-B870D1F69E98}"/>
                </a:ext>
              </a:extLst>
            </p:cNvPr>
            <p:cNvSpPr/>
            <p:nvPr/>
          </p:nvSpPr>
          <p:spPr>
            <a:xfrm>
              <a:off x="9796917" y="4315542"/>
              <a:ext cx="142765" cy="142765"/>
            </a:xfrm>
            <a:custGeom>
              <a:avLst/>
              <a:gdLst>
                <a:gd fmla="*/ 142765 w 142765" name="connsiteX0"/>
                <a:gd fmla="*/ 71383 h 142765" name="connsiteY0"/>
                <a:gd fmla="*/ 71383 w 142765" name="connsiteX1"/>
                <a:gd fmla="*/ 142765 h 142765" name="connsiteY1"/>
                <a:gd fmla="*/ 0 w 142765" name="connsiteX2"/>
                <a:gd fmla="*/ 71383 h 142765" name="connsiteY2"/>
                <a:gd fmla="*/ 71383 w 142765" name="connsiteX3"/>
                <a:gd fmla="*/ 0 h 142765" name="connsiteY3"/>
                <a:gd fmla="*/ 142765 w 142765" name="connsiteX4"/>
                <a:gd fmla="*/ 71383 h 1427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42765" w="142765">
                  <a:moveTo>
                    <a:pt x="142765" y="71383"/>
                  </a:moveTo>
                  <a:cubicBezTo>
                    <a:pt x="142765" y="110806"/>
                    <a:pt x="110806" y="142765"/>
                    <a:pt x="71383" y="142765"/>
                  </a:cubicBezTo>
                  <a:cubicBezTo>
                    <a:pt x="31959" y="142765"/>
                    <a:pt x="0" y="110806"/>
                    <a:pt x="0" y="71383"/>
                  </a:cubicBezTo>
                  <a:cubicBezTo>
                    <a:pt x="0" y="31959"/>
                    <a:pt x="31959" y="0"/>
                    <a:pt x="71383" y="0"/>
                  </a:cubicBezTo>
                  <a:cubicBezTo>
                    <a:pt x="110806" y="0"/>
                    <a:pt x="142765" y="31959"/>
                    <a:pt x="142765" y="71383"/>
                  </a:cubicBezTo>
                  <a:close/>
                </a:path>
              </a:pathLst>
            </a:custGeom>
            <a:solidFill>
              <a:schemeClr val="accent1"/>
            </a:solidFill>
            <a:ln cap="flat" w="2201">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04FE8B3C-6CF2-16A5-CFE1-05CE35E88FF0}"/>
                </a:ext>
              </a:extLst>
            </p:cNvPr>
            <p:cNvSpPr/>
            <p:nvPr/>
          </p:nvSpPr>
          <p:spPr>
            <a:xfrm rot="2700000">
              <a:off x="9591668" y="4415387"/>
              <a:ext cx="215898" cy="282052"/>
            </a:xfrm>
            <a:custGeom>
              <a:avLst/>
              <a:gdLst>
                <a:gd fmla="*/ 107960 w 215898" name="connsiteX0"/>
                <a:gd fmla="*/ 0 h 282052" name="connsiteY0"/>
                <a:gd fmla="*/ 107960 w 215898" name="connsiteX1"/>
                <a:gd fmla="*/ 0 h 282052" name="connsiteY1"/>
                <a:gd fmla="*/ 215898 w 215898" name="connsiteX2"/>
                <a:gd fmla="*/ 107938 h 282052" name="connsiteY2"/>
                <a:gd fmla="*/ 215898 w 215898" name="connsiteX3"/>
                <a:gd fmla="*/ 263376 h 282052" name="connsiteY3"/>
                <a:gd fmla="*/ 197222 w 215898" name="connsiteX4"/>
                <a:gd fmla="*/ 282052 h 282052" name="connsiteY4"/>
                <a:gd fmla="*/ 174114 w 215898" name="connsiteX5"/>
                <a:gd fmla="*/ 282052 h 282052" name="connsiteY5"/>
                <a:gd fmla="*/ 0 w 215898" name="connsiteX6"/>
                <a:gd fmla="*/ 107938 h 282052" name="connsiteY6"/>
                <a:gd fmla="*/ 0 w 215898" name="connsiteX7"/>
                <a:gd fmla="*/ 107938 h 282052" name="connsiteY7"/>
                <a:gd fmla="*/ 107938 w 215898" name="connsiteX8"/>
                <a:gd fmla="*/ 0 h 28205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282052" w="215898">
                  <a:moveTo>
                    <a:pt x="107960" y="0"/>
                  </a:moveTo>
                  <a:lnTo>
                    <a:pt x="107960" y="0"/>
                  </a:lnTo>
                  <a:cubicBezTo>
                    <a:pt x="167534" y="0"/>
                    <a:pt x="215898" y="48364"/>
                    <a:pt x="215898" y="107938"/>
                  </a:cubicBezTo>
                  <a:lnTo>
                    <a:pt x="215898" y="263376"/>
                  </a:lnTo>
                  <a:cubicBezTo>
                    <a:pt x="215898" y="273678"/>
                    <a:pt x="207524" y="282052"/>
                    <a:pt x="197222" y="282052"/>
                  </a:cubicBezTo>
                  <a:lnTo>
                    <a:pt x="174114" y="282052"/>
                  </a:lnTo>
                  <a:cubicBezTo>
                    <a:pt x="78029" y="282052"/>
                    <a:pt x="0" y="204045"/>
                    <a:pt x="0" y="107938"/>
                  </a:cubicBezTo>
                  <a:lnTo>
                    <a:pt x="0" y="107938"/>
                  </a:lnTo>
                  <a:cubicBezTo>
                    <a:pt x="0" y="48364"/>
                    <a:pt x="48364" y="0"/>
                    <a:pt x="107938" y="0"/>
                  </a:cubicBezTo>
                  <a:close/>
                </a:path>
              </a:pathLst>
            </a:custGeom>
            <a:solidFill>
              <a:schemeClr val="accent1"/>
            </a:solidFill>
            <a:ln cap="flat" w="2201">
              <a:noFill/>
              <a:prstDash val="solid"/>
              <a:miter/>
            </a:ln>
          </p:spPr>
          <p:txBody>
            <a:bodyPr anchor="ctr" rtlCol="0"/>
            <a:lstStyle/>
            <a:p>
              <a:endParaRPr lang="es-ES"/>
            </a:p>
          </p:txBody>
        </p:sp>
      </p:grpSp>
      <p:sp>
        <p:nvSpPr>
          <p:cNvPr id="34" name="TextBox 33">
            <a:extLst>
              <a:ext uri="{FF2B5EF4-FFF2-40B4-BE49-F238E27FC236}">
                <a16:creationId xmlns:a16="http://schemas.microsoft.com/office/drawing/2014/main" id="{5D647B68-018F-B017-A9A3-ECB31883657F}"/>
              </a:ext>
            </a:extLst>
          </p:cNvPr>
          <p:cNvSpPr txBox="1"/>
          <p:nvPr/>
        </p:nvSpPr>
        <p:spPr>
          <a:xfrm>
            <a:off x="685800" y="3386075"/>
            <a:ext cx="11163300" cy="615553"/>
          </a:xfrm>
          <a:prstGeom prst="rect">
            <a:avLst/>
          </a:prstGeom>
          <a:noFill/>
        </p:spPr>
        <p:txBody>
          <a:bodyPr bIns="91440" rtlCol="0" tIns="91440" wrap="square">
            <a:spAutoFit/>
          </a:bodyPr>
          <a:lstStyle/>
          <a:p txid="58ed7611dfb64088f5eae8c6fa690b79">
            <a:pPr algn="ctr">
              <a:buClr>
                <a:srgbClr val="008CCF"/>
              </a:buClr>
            </a:pPr>
            <a:r>
              <a:rPr lang="en-US" sz="2800">
                <a:solidFill>
                  <a:schemeClr val="accent2"/>
                </a:solidFill>
              </a:rPr>
              <a:t>Taux d'incidence du paludisme pour 100 000 habitants </a:t>
            </a:r>
            <a:r>
              <a:rPr lang="en-US" sz="2800"/>
            </a:r>
            <a:endParaRPr lang="es-ES" sz="2800"/>
          </a:p>
        </p:txBody>
      </p:sp>
    </p:spTree>
    <p:custDataLst>
      <p:tags r:id="rId1"/>
    </p:custDataLst>
    <p:extLst>
      <p:ext uri="{BB962C8B-B14F-4D97-AF65-F5344CB8AC3E}">
        <p14:creationId xmlns:p14="http://schemas.microsoft.com/office/powerpoint/2010/main" val="3022157374"/>
      </p:ext>
    </p:extLst>
  </p:cSld>
  <p:clrMapOvr>
    <a:masterClrMapping/>
  </p:clrMapOvr>
  <mc:AlternateContent xmlns:mc="http://schemas.openxmlformats.org/markup-compatibility/2006" xmlns:p14="http://schemas.microsoft.com/office/powerpoint/2010/main">
    <mc:Choice Requires="p14">
      <p:transition advTm="41424" p14:dur="2000" spd="slow"/>
    </mc:Choice>
    <mc:Fallback xmlns="">
      <p:transition advTm="414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3"/>
                                        </p:tgtEl>
                                        <p:attrNameLst>
                                          <p:attrName>style.visibility</p:attrName>
                                        </p:attrNameLst>
                                      </p:cBhvr>
                                      <p:to>
                                        <p:strVal val="visible"/>
                                      </p:to>
                                    </p:set>
                                    <p:animEffect filter="fade" transition="in">
                                      <p:cBhvr>
                                        <p:cTn dur="500" id="12"/>
                                        <p:tgtEl>
                                          <p:spTgt spid="13"/>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47" presetSubtype="0">
                                  <p:stCondLst>
                                    <p:cond delay="0"/>
                                  </p:stCondLst>
                                  <p:childTnLst>
                                    <p:set>
                                      <p:cBhvr>
                                        <p:cTn dur="1" fill="hold" id="16">
                                          <p:stCondLst>
                                            <p:cond delay="0"/>
                                          </p:stCondLst>
                                        </p:cTn>
                                        <p:tgtEl>
                                          <p:spTgt spid="15"/>
                                        </p:tgtEl>
                                        <p:attrNameLst>
                                          <p:attrName>style.visibility</p:attrName>
                                        </p:attrNameLst>
                                      </p:cBhvr>
                                      <p:to>
                                        <p:strVal val="visible"/>
                                      </p:to>
                                    </p:set>
                                    <p:animEffect filter="fade" transition="in">
                                      <p:cBhvr>
                                        <p:cTn dur="500" id="17"/>
                                        <p:tgtEl>
                                          <p:spTgt spid="15"/>
                                        </p:tgtEl>
                                      </p:cBhvr>
                                    </p:animEffect>
                                    <p:anim calcmode="lin" valueType="num">
                                      <p:cBhvr>
                                        <p:cTn dur="500" fill="hold" id="18"/>
                                        <p:tgtEl>
                                          <p:spTgt spid="15"/>
                                        </p:tgtEl>
                                        <p:attrNameLst>
                                          <p:attrName>ppt_x</p:attrName>
                                        </p:attrNameLst>
                                      </p:cBhvr>
                                      <p:tavLst>
                                        <p:tav tm="0">
                                          <p:val>
                                            <p:strVal val="#ppt_x"/>
                                          </p:val>
                                        </p:tav>
                                        <p:tav tm="100000">
                                          <p:val>
                                            <p:strVal val="#ppt_x"/>
                                          </p:val>
                                        </p:tav>
                                      </p:tavLst>
                                    </p:anim>
                                    <p:anim calcmode="lin" valueType="num">
                                      <p:cBhvr>
                                        <p:cTn dur="500" fill="hold" id="19"/>
                                        <p:tgtEl>
                                          <p:spTgt spid="15"/>
                                        </p:tgtEl>
                                        <p:attrNameLst>
                                          <p:attrName>ppt_y</p:attrName>
                                        </p:attrNameLst>
                                      </p:cBhvr>
                                      <p:tavLst>
                                        <p:tav tm="0">
                                          <p:val>
                                            <p:strVal val="#ppt_y-.1"/>
                                          </p:val>
                                        </p:tav>
                                        <p:tav tm="100000">
                                          <p:val>
                                            <p:strVal val="#ppt_y"/>
                                          </p:val>
                                        </p:tav>
                                      </p:tavLst>
                                    </p:anim>
                                  </p:childTnLst>
                                </p:cTn>
                              </p:par>
                            </p:childTnLst>
                          </p:cTn>
                        </p:par>
                        <p:par>
                          <p:cTn fill="hold" id="20">
                            <p:stCondLst>
                              <p:cond delay="500"/>
                            </p:stCondLst>
                            <p:childTnLst>
                              <p:par>
                                <p:cTn fill="hold" id="21" nodeType="afterEffect" presetClass="entr" presetID="47" presetSubtype="0">
                                  <p:stCondLst>
                                    <p:cond delay="0"/>
                                  </p:stCondLst>
                                  <p:childTnLst>
                                    <p:set>
                                      <p:cBhvr>
                                        <p:cTn dur="1" fill="hold" id="22">
                                          <p:stCondLst>
                                            <p:cond delay="0"/>
                                          </p:stCondLst>
                                        </p:cTn>
                                        <p:tgtEl>
                                          <p:spTgt spid="17"/>
                                        </p:tgtEl>
                                        <p:attrNameLst>
                                          <p:attrName>style.visibility</p:attrName>
                                        </p:attrNameLst>
                                      </p:cBhvr>
                                      <p:to>
                                        <p:strVal val="visible"/>
                                      </p:to>
                                    </p:set>
                                    <p:animEffect filter="fade" transition="in">
                                      <p:cBhvr>
                                        <p:cTn dur="500" id="23"/>
                                        <p:tgtEl>
                                          <p:spTgt spid="17"/>
                                        </p:tgtEl>
                                      </p:cBhvr>
                                    </p:animEffect>
                                    <p:anim calcmode="lin" valueType="num">
                                      <p:cBhvr>
                                        <p:cTn dur="500" fill="hold" id="24"/>
                                        <p:tgtEl>
                                          <p:spTgt spid="17"/>
                                        </p:tgtEl>
                                        <p:attrNameLst>
                                          <p:attrName>ppt_x</p:attrName>
                                        </p:attrNameLst>
                                      </p:cBhvr>
                                      <p:tavLst>
                                        <p:tav tm="0">
                                          <p:val>
                                            <p:strVal val="#ppt_x"/>
                                          </p:val>
                                        </p:tav>
                                        <p:tav tm="100000">
                                          <p:val>
                                            <p:strVal val="#ppt_x"/>
                                          </p:val>
                                        </p:tav>
                                      </p:tavLst>
                                    </p:anim>
                                    <p:anim calcmode="lin" valueType="num">
                                      <p:cBhvr>
                                        <p:cTn dur="500" fill="hold" id="25"/>
                                        <p:tgtEl>
                                          <p:spTgt spid="17"/>
                                        </p:tgtEl>
                                        <p:attrNameLst>
                                          <p:attrName>ppt_y</p:attrName>
                                        </p:attrNameLst>
                                      </p:cBhvr>
                                      <p:tavLst>
                                        <p:tav tm="0">
                                          <p:val>
                                            <p:strVal val="#ppt_y-.1"/>
                                          </p:val>
                                        </p:tav>
                                        <p:tav tm="100000">
                                          <p:val>
                                            <p:strVal val="#ppt_y"/>
                                          </p:val>
                                        </p:tav>
                                      </p:tavLst>
                                    </p:anim>
                                  </p:childTnLst>
                                </p:cTn>
                              </p:par>
                            </p:childTnLst>
                          </p:cTn>
                        </p:par>
                        <p:par>
                          <p:cTn fill="hold" id="26">
                            <p:stCondLst>
                              <p:cond delay="1000"/>
                            </p:stCondLst>
                            <p:childTnLst>
                              <p:par>
                                <p:cTn fill="hold" id="27" nodeType="afterEffect" presetClass="entr" presetID="47" presetSubtype="0">
                                  <p:stCondLst>
                                    <p:cond delay="0"/>
                                  </p:stCondLst>
                                  <p:childTnLst>
                                    <p:set>
                                      <p:cBhvr>
                                        <p:cTn dur="1" fill="hold" id="28">
                                          <p:stCondLst>
                                            <p:cond delay="0"/>
                                          </p:stCondLst>
                                        </p:cTn>
                                        <p:tgtEl>
                                          <p:spTgt spid="19"/>
                                        </p:tgtEl>
                                        <p:attrNameLst>
                                          <p:attrName>style.visibility</p:attrName>
                                        </p:attrNameLst>
                                      </p:cBhvr>
                                      <p:to>
                                        <p:strVal val="visible"/>
                                      </p:to>
                                    </p:set>
                                    <p:animEffect filter="fade" transition="in">
                                      <p:cBhvr>
                                        <p:cTn dur="500" id="29"/>
                                        <p:tgtEl>
                                          <p:spTgt spid="19"/>
                                        </p:tgtEl>
                                      </p:cBhvr>
                                    </p:animEffect>
                                    <p:anim calcmode="lin" valueType="num">
                                      <p:cBhvr>
                                        <p:cTn dur="500" fill="hold" id="30"/>
                                        <p:tgtEl>
                                          <p:spTgt spid="19"/>
                                        </p:tgtEl>
                                        <p:attrNameLst>
                                          <p:attrName>ppt_x</p:attrName>
                                        </p:attrNameLst>
                                      </p:cBhvr>
                                      <p:tavLst>
                                        <p:tav tm="0">
                                          <p:val>
                                            <p:strVal val="#ppt_x"/>
                                          </p:val>
                                        </p:tav>
                                        <p:tav tm="100000">
                                          <p:val>
                                            <p:strVal val="#ppt_x"/>
                                          </p:val>
                                        </p:tav>
                                      </p:tavLst>
                                    </p:anim>
                                    <p:anim calcmode="lin" valueType="num">
                                      <p:cBhvr>
                                        <p:cTn dur="500" fill="hold" id="31"/>
                                        <p:tgtEl>
                                          <p:spTgt spid="19"/>
                                        </p:tgtEl>
                                        <p:attrNameLst>
                                          <p:attrName>ppt_y</p:attrName>
                                        </p:attrNameLst>
                                      </p:cBhvr>
                                      <p:tavLst>
                                        <p:tav tm="0">
                                          <p:val>
                                            <p:strVal val="#ppt_y-.1"/>
                                          </p:val>
                                        </p:tav>
                                        <p:tav tm="100000">
                                          <p:val>
                                            <p:strVal val="#ppt_y"/>
                                          </p:val>
                                        </p:tav>
                                      </p:tavLst>
                                    </p:anim>
                                  </p:childTnLst>
                                </p:cTn>
                              </p:par>
                            </p:childTnLst>
                          </p:cTn>
                        </p:par>
                        <p:par>
                          <p:cTn fill="hold" id="32">
                            <p:stCondLst>
                              <p:cond delay="1500"/>
                            </p:stCondLst>
                            <p:childTnLst>
                              <p:par>
                                <p:cTn fill="hold" id="33" nodeType="afterEffect" presetClass="entr" presetID="47" presetSubtype="0">
                                  <p:stCondLst>
                                    <p:cond delay="0"/>
                                  </p:stCondLst>
                                  <p:childTnLst>
                                    <p:set>
                                      <p:cBhvr>
                                        <p:cTn dur="1" fill="hold" id="34">
                                          <p:stCondLst>
                                            <p:cond delay="0"/>
                                          </p:stCondLst>
                                        </p:cTn>
                                        <p:tgtEl>
                                          <p:spTgt spid="21"/>
                                        </p:tgtEl>
                                        <p:attrNameLst>
                                          <p:attrName>style.visibility</p:attrName>
                                        </p:attrNameLst>
                                      </p:cBhvr>
                                      <p:to>
                                        <p:strVal val="visible"/>
                                      </p:to>
                                    </p:set>
                                    <p:animEffect filter="fade" transition="in">
                                      <p:cBhvr>
                                        <p:cTn dur="500" id="35"/>
                                        <p:tgtEl>
                                          <p:spTgt spid="21"/>
                                        </p:tgtEl>
                                      </p:cBhvr>
                                    </p:animEffect>
                                    <p:anim calcmode="lin" valueType="num">
                                      <p:cBhvr>
                                        <p:cTn dur="500" fill="hold" id="36"/>
                                        <p:tgtEl>
                                          <p:spTgt spid="21"/>
                                        </p:tgtEl>
                                        <p:attrNameLst>
                                          <p:attrName>ppt_x</p:attrName>
                                        </p:attrNameLst>
                                      </p:cBhvr>
                                      <p:tavLst>
                                        <p:tav tm="0">
                                          <p:val>
                                            <p:strVal val="#ppt_x"/>
                                          </p:val>
                                        </p:tav>
                                        <p:tav tm="100000">
                                          <p:val>
                                            <p:strVal val="#ppt_x"/>
                                          </p:val>
                                        </p:tav>
                                      </p:tavLst>
                                    </p:anim>
                                    <p:anim calcmode="lin" valueType="num">
                                      <p:cBhvr>
                                        <p:cTn dur="500" fill="hold" id="37"/>
                                        <p:tgtEl>
                                          <p:spTgt spid="21"/>
                                        </p:tgtEl>
                                        <p:attrNameLst>
                                          <p:attrName>ppt_y</p:attrName>
                                        </p:attrNameLst>
                                      </p:cBhvr>
                                      <p:tavLst>
                                        <p:tav tm="0">
                                          <p:val>
                                            <p:strVal val="#ppt_y-.1"/>
                                          </p:val>
                                        </p:tav>
                                        <p:tav tm="100000">
                                          <p:val>
                                            <p:strVal val="#ppt_y"/>
                                          </p:val>
                                        </p:tav>
                                      </p:tavLst>
                                    </p:anim>
                                  </p:childTnLst>
                                </p:cTn>
                              </p:par>
                            </p:childTnLst>
                          </p:cTn>
                        </p:par>
                        <p:par>
                          <p:cTn fill="hold" id="38">
                            <p:stCondLst>
                              <p:cond delay="2000"/>
                            </p:stCondLst>
                            <p:childTnLst>
                              <p:par>
                                <p:cTn fill="hold" id="39" nodeType="afterEffect" presetClass="entr" presetID="47" presetSubtype="0">
                                  <p:stCondLst>
                                    <p:cond delay="0"/>
                                  </p:stCondLst>
                                  <p:childTnLst>
                                    <p:set>
                                      <p:cBhvr>
                                        <p:cTn dur="1" fill="hold" id="40">
                                          <p:stCondLst>
                                            <p:cond delay="0"/>
                                          </p:stCondLst>
                                        </p:cTn>
                                        <p:tgtEl>
                                          <p:spTgt spid="33"/>
                                        </p:tgtEl>
                                        <p:attrNameLst>
                                          <p:attrName>style.visibility</p:attrName>
                                        </p:attrNameLst>
                                      </p:cBhvr>
                                      <p:to>
                                        <p:strVal val="visible"/>
                                      </p:to>
                                    </p:set>
                                    <p:animEffect filter="fade" transition="in">
                                      <p:cBhvr>
                                        <p:cTn dur="500" id="41"/>
                                        <p:tgtEl>
                                          <p:spTgt spid="33"/>
                                        </p:tgtEl>
                                      </p:cBhvr>
                                    </p:animEffect>
                                    <p:anim calcmode="lin" valueType="num">
                                      <p:cBhvr>
                                        <p:cTn dur="500" fill="hold" id="42"/>
                                        <p:tgtEl>
                                          <p:spTgt spid="33"/>
                                        </p:tgtEl>
                                        <p:attrNameLst>
                                          <p:attrName>ppt_x</p:attrName>
                                        </p:attrNameLst>
                                      </p:cBhvr>
                                      <p:tavLst>
                                        <p:tav tm="0">
                                          <p:val>
                                            <p:strVal val="#ppt_x"/>
                                          </p:val>
                                        </p:tav>
                                        <p:tav tm="100000">
                                          <p:val>
                                            <p:strVal val="#ppt_x"/>
                                          </p:val>
                                        </p:tav>
                                      </p:tavLst>
                                    </p:anim>
                                    <p:anim calcmode="lin" valueType="num">
                                      <p:cBhvr>
                                        <p:cTn dur="500" fill="hold" id="43"/>
                                        <p:tgtEl>
                                          <p:spTgt spid="33"/>
                                        </p:tgtEl>
                                        <p:attrNameLst>
                                          <p:attrName>ppt_y</p:attrName>
                                        </p:attrNameLst>
                                      </p:cBhvr>
                                      <p:tavLst>
                                        <p:tav tm="0">
                                          <p:val>
                                            <p:strVal val="#ppt_y-.1"/>
                                          </p:val>
                                        </p:tav>
                                        <p:tav tm="100000">
                                          <p:val>
                                            <p:strVal val="#ppt_y"/>
                                          </p:val>
                                        </p:tav>
                                      </p:tavLst>
                                    </p:anim>
                                  </p:childTnLst>
                                </p:cTn>
                              </p:par>
                            </p:childTnLst>
                          </p:cTn>
                        </p:par>
                      </p:childTnLst>
                    </p:cTn>
                  </p:par>
                  <p:par>
                    <p:cTn fill="hold" id="44">
                      <p:stCondLst>
                        <p:cond delay="indefinite"/>
                      </p:stCondLst>
                      <p:childTnLst>
                        <p:par>
                          <p:cTn fill="hold" id="45">
                            <p:stCondLst>
                              <p:cond delay="0"/>
                            </p:stCondLst>
                            <p:childTnLst>
                              <p:par>
                                <p:cTn fill="hold" id="46" nodeType="clickEffect" presetClass="exit" presetID="10" presetSubtype="0">
                                  <p:stCondLst>
                                    <p:cond delay="0"/>
                                  </p:stCondLst>
                                  <p:childTnLst>
                                    <p:animEffect filter="fade" transition="out">
                                      <p:cBhvr>
                                        <p:cTn dur="500" id="47"/>
                                        <p:tgtEl>
                                          <p:spTgt spid="15"/>
                                        </p:tgtEl>
                                      </p:cBhvr>
                                    </p:animEffect>
                                    <p:set>
                                      <p:cBhvr>
                                        <p:cTn dur="1" fill="hold" id="48">
                                          <p:stCondLst>
                                            <p:cond delay="499"/>
                                          </p:stCondLst>
                                        </p:cTn>
                                        <p:tgtEl>
                                          <p:spTgt spid="15"/>
                                        </p:tgtEl>
                                        <p:attrNameLst>
                                          <p:attrName>style.visibility</p:attrName>
                                        </p:attrNameLst>
                                      </p:cBhvr>
                                      <p:to>
                                        <p:strVal val="hidden"/>
                                      </p:to>
                                    </p:set>
                                  </p:childTnLst>
                                </p:cTn>
                              </p:par>
                              <p:par>
                                <p:cTn fill="hold" id="49" nodeType="withEffect" presetClass="exit" presetID="10" presetSubtype="0">
                                  <p:stCondLst>
                                    <p:cond delay="0"/>
                                  </p:stCondLst>
                                  <p:childTnLst>
                                    <p:animEffect filter="fade" transition="out">
                                      <p:cBhvr>
                                        <p:cTn dur="500" id="50"/>
                                        <p:tgtEl>
                                          <p:spTgt spid="17"/>
                                        </p:tgtEl>
                                      </p:cBhvr>
                                    </p:animEffect>
                                    <p:set>
                                      <p:cBhvr>
                                        <p:cTn dur="1" fill="hold" id="51">
                                          <p:stCondLst>
                                            <p:cond delay="499"/>
                                          </p:stCondLst>
                                        </p:cTn>
                                        <p:tgtEl>
                                          <p:spTgt spid="17"/>
                                        </p:tgtEl>
                                        <p:attrNameLst>
                                          <p:attrName>style.visibility</p:attrName>
                                        </p:attrNameLst>
                                      </p:cBhvr>
                                      <p:to>
                                        <p:strVal val="hidden"/>
                                      </p:to>
                                    </p:set>
                                  </p:childTnLst>
                                </p:cTn>
                              </p:par>
                              <p:par>
                                <p:cTn fill="hold" id="52" nodeType="withEffect" presetClass="exit" presetID="10" presetSubtype="0">
                                  <p:stCondLst>
                                    <p:cond delay="0"/>
                                  </p:stCondLst>
                                  <p:childTnLst>
                                    <p:animEffect filter="fade" transition="out">
                                      <p:cBhvr>
                                        <p:cTn dur="500" id="53"/>
                                        <p:tgtEl>
                                          <p:spTgt spid="19"/>
                                        </p:tgtEl>
                                      </p:cBhvr>
                                    </p:animEffect>
                                    <p:set>
                                      <p:cBhvr>
                                        <p:cTn dur="1" fill="hold" id="54">
                                          <p:stCondLst>
                                            <p:cond delay="499"/>
                                          </p:stCondLst>
                                        </p:cTn>
                                        <p:tgtEl>
                                          <p:spTgt spid="19"/>
                                        </p:tgtEl>
                                        <p:attrNameLst>
                                          <p:attrName>style.visibility</p:attrName>
                                        </p:attrNameLst>
                                      </p:cBhvr>
                                      <p:to>
                                        <p:strVal val="hidden"/>
                                      </p:to>
                                    </p:set>
                                  </p:childTnLst>
                                </p:cTn>
                              </p:par>
                              <p:par>
                                <p:cTn fill="hold" id="55" nodeType="withEffect" presetClass="exit" presetID="10" presetSubtype="0">
                                  <p:stCondLst>
                                    <p:cond delay="0"/>
                                  </p:stCondLst>
                                  <p:childTnLst>
                                    <p:animEffect filter="fade" transition="out">
                                      <p:cBhvr>
                                        <p:cTn dur="500" id="56"/>
                                        <p:tgtEl>
                                          <p:spTgt spid="21"/>
                                        </p:tgtEl>
                                      </p:cBhvr>
                                    </p:animEffect>
                                    <p:set>
                                      <p:cBhvr>
                                        <p:cTn dur="1" fill="hold" id="57">
                                          <p:stCondLst>
                                            <p:cond delay="499"/>
                                          </p:stCondLst>
                                        </p:cTn>
                                        <p:tgtEl>
                                          <p:spTgt spid="21"/>
                                        </p:tgtEl>
                                        <p:attrNameLst>
                                          <p:attrName>style.visibility</p:attrName>
                                        </p:attrNameLst>
                                      </p:cBhvr>
                                      <p:to>
                                        <p:strVal val="hidden"/>
                                      </p:to>
                                    </p:set>
                                  </p:childTnLst>
                                </p:cTn>
                              </p:par>
                              <p:par>
                                <p:cTn fill="hold" id="58" nodeType="withEffect" presetClass="exit" presetID="10" presetSubtype="0">
                                  <p:stCondLst>
                                    <p:cond delay="0"/>
                                  </p:stCondLst>
                                  <p:childTnLst>
                                    <p:animEffect filter="fade" transition="out">
                                      <p:cBhvr>
                                        <p:cTn dur="500" id="59"/>
                                        <p:tgtEl>
                                          <p:spTgt spid="33"/>
                                        </p:tgtEl>
                                      </p:cBhvr>
                                    </p:animEffect>
                                    <p:set>
                                      <p:cBhvr>
                                        <p:cTn dur="1" fill="hold" id="60">
                                          <p:stCondLst>
                                            <p:cond delay="499"/>
                                          </p:stCondLst>
                                        </p:cTn>
                                        <p:tgtEl>
                                          <p:spTgt spid="33"/>
                                        </p:tgtEl>
                                        <p:attrNameLst>
                                          <p:attrName>style.visibility</p:attrName>
                                        </p:attrNameLst>
                                      </p:cBhvr>
                                      <p:to>
                                        <p:strVal val="hidden"/>
                                      </p:to>
                                    </p:se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47" presetSubtype="0">
                                  <p:stCondLst>
                                    <p:cond delay="0"/>
                                  </p:stCondLst>
                                  <p:childTnLst>
                                    <p:set>
                                      <p:cBhvr>
                                        <p:cTn dur="1" fill="hold" id="64">
                                          <p:stCondLst>
                                            <p:cond delay="0"/>
                                          </p:stCondLst>
                                        </p:cTn>
                                        <p:tgtEl>
                                          <p:spTgt spid="14"/>
                                        </p:tgtEl>
                                        <p:attrNameLst>
                                          <p:attrName>style.visibility</p:attrName>
                                        </p:attrNameLst>
                                      </p:cBhvr>
                                      <p:to>
                                        <p:strVal val="visible"/>
                                      </p:to>
                                    </p:set>
                                    <p:animEffect filter="fade" transition="in">
                                      <p:cBhvr>
                                        <p:cTn dur="500" id="65"/>
                                        <p:tgtEl>
                                          <p:spTgt spid="14"/>
                                        </p:tgtEl>
                                      </p:cBhvr>
                                    </p:animEffect>
                                    <p:anim calcmode="lin" valueType="num">
                                      <p:cBhvr>
                                        <p:cTn dur="500" fill="hold" id="66"/>
                                        <p:tgtEl>
                                          <p:spTgt spid="14"/>
                                        </p:tgtEl>
                                        <p:attrNameLst>
                                          <p:attrName>ppt_x</p:attrName>
                                        </p:attrNameLst>
                                      </p:cBhvr>
                                      <p:tavLst>
                                        <p:tav tm="0">
                                          <p:val>
                                            <p:strVal val="#ppt_x"/>
                                          </p:val>
                                        </p:tav>
                                        <p:tav tm="100000">
                                          <p:val>
                                            <p:strVal val="#ppt_x"/>
                                          </p:val>
                                        </p:tav>
                                      </p:tavLst>
                                    </p:anim>
                                    <p:anim calcmode="lin" valueType="num">
                                      <p:cBhvr>
                                        <p:cTn dur="500" fill="hold" id="67"/>
                                        <p:tgtEl>
                                          <p:spTgt spid="14"/>
                                        </p:tgtEl>
                                        <p:attrNameLst>
                                          <p:attrName>ppt_y</p:attrName>
                                        </p:attrNameLst>
                                      </p:cBhvr>
                                      <p:tavLst>
                                        <p:tav tm="0">
                                          <p:val>
                                            <p:strVal val="#ppt_y-.1"/>
                                          </p:val>
                                        </p:tav>
                                        <p:tav tm="100000">
                                          <p:val>
                                            <p:strVal val="#ppt_y"/>
                                          </p:val>
                                        </p:tav>
                                      </p:tavLst>
                                    </p:anim>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10"/>
                                        </p:tgtEl>
                                        <p:attrNameLst>
                                          <p:attrName>style.visibility</p:attrName>
                                        </p:attrNameLst>
                                      </p:cBhvr>
                                      <p:to>
                                        <p:strVal val="visible"/>
                                      </p:to>
                                    </p:set>
                                    <p:animEffect filter="fade" transition="in">
                                      <p:cBhvr>
                                        <p:cTn dur="500" id="72"/>
                                        <p:tgtEl>
                                          <p:spTgt spid="10"/>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11"/>
                                        </p:tgtEl>
                                        <p:attrNameLst>
                                          <p:attrName>style.visibility</p:attrName>
                                        </p:attrNameLst>
                                      </p:cBhvr>
                                      <p:to>
                                        <p:strVal val="visible"/>
                                      </p:to>
                                    </p:set>
                                    <p:animEffect filter="fade" transition="in">
                                      <p:cBhvr>
                                        <p:cTn dur="500" id="77"/>
                                        <p:tgtEl>
                                          <p:spTgt spid="11"/>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12"/>
                                        </p:tgtEl>
                                        <p:attrNameLst>
                                          <p:attrName>style.visibility</p:attrName>
                                        </p:attrNameLst>
                                      </p:cBhvr>
                                      <p:to>
                                        <p:strVal val="visible"/>
                                      </p:to>
                                    </p:set>
                                    <p:animEffect filter="fade" transition="in">
                                      <p:cBhvr>
                                        <p:cTn dur="500" id="82"/>
                                        <p:tgtEl>
                                          <p:spTgt spid="12"/>
                                        </p:tgtEl>
                                      </p:cBhvr>
                                    </p:animEffect>
                                  </p:childTnLst>
                                </p:cTn>
                              </p:par>
                            </p:childTnLst>
                          </p:cTn>
                        </p:par>
                      </p:childTnLst>
                    </p:cTn>
                  </p:par>
                  <p:par>
                    <p:cTn fill="hold" id="83">
                      <p:stCondLst>
                        <p:cond delay="indefinite"/>
                      </p:stCondLst>
                      <p:childTnLst>
                        <p:par>
                          <p:cTn fill="hold" id="84">
                            <p:stCondLst>
                              <p:cond delay="0"/>
                            </p:stCondLst>
                            <p:childTnLst>
                              <p:par>
                                <p:cTn fill="hold" grpId="0" id="85" nodeType="clickEffect" presetClass="entr" presetID="10" presetSubtype="0">
                                  <p:stCondLst>
                                    <p:cond delay="0"/>
                                  </p:stCondLst>
                                  <p:childTnLst>
                                    <p:set>
                                      <p:cBhvr>
                                        <p:cTn dur="1" fill="hold" id="86">
                                          <p:stCondLst>
                                            <p:cond delay="0"/>
                                          </p:stCondLst>
                                        </p:cTn>
                                        <p:tgtEl>
                                          <p:spTgt spid="34"/>
                                        </p:tgtEl>
                                        <p:attrNameLst>
                                          <p:attrName>style.visibility</p:attrName>
                                        </p:attrNameLst>
                                      </p:cBhvr>
                                      <p:to>
                                        <p:strVal val="visible"/>
                                      </p:to>
                                    </p:set>
                                    <p:animEffect filter="fade" transition="in">
                                      <p:cBhvr>
                                        <p:cTn dur="500" id="87"/>
                                        <p:tgtEl>
                                          <p:spTgt spid="34"/>
                                        </p:tgtEl>
                                      </p:cBhvr>
                                    </p:animEffect>
                                  </p:childTnLst>
                                </p:cTn>
                              </p:par>
                              <p:par>
                                <p:cTn fill="hold" grpId="1" id="88" nodeType="withEffect" presetClass="exit" presetID="10" presetSubtype="0">
                                  <p:stCondLst>
                                    <p:cond delay="0"/>
                                  </p:stCondLst>
                                  <p:childTnLst>
                                    <p:animEffect filter="fade" transition="out">
                                      <p:cBhvr>
                                        <p:cTn dur="500" id="89"/>
                                        <p:tgtEl>
                                          <p:spTgt spid="14"/>
                                        </p:tgtEl>
                                      </p:cBhvr>
                                    </p:animEffect>
                                    <p:set>
                                      <p:cBhvr>
                                        <p:cTn dur="1" fill="hold" id="90">
                                          <p:stCondLst>
                                            <p:cond delay="499"/>
                                          </p:stCondLst>
                                        </p:cTn>
                                        <p:tgtEl>
                                          <p:spTgt spid="14"/>
                                        </p:tgtEl>
                                        <p:attrNameLst>
                                          <p:attrName>style.visibility</p:attrName>
                                        </p:attrNameLst>
                                      </p:cBhvr>
                                      <p:to>
                                        <p:strVal val="hidden"/>
                                      </p:to>
                                    </p:set>
                                  </p:childTnLst>
                                </p:cTn>
                              </p:par>
                              <p:par>
                                <p:cTn fill="hold" grpId="1" id="91" nodeType="withEffect" presetClass="exit" presetID="10" presetSubtype="0">
                                  <p:stCondLst>
                                    <p:cond delay="0"/>
                                  </p:stCondLst>
                                  <p:childTnLst>
                                    <p:animEffect filter="fade" transition="out">
                                      <p:cBhvr>
                                        <p:cTn dur="500" id="92"/>
                                        <p:tgtEl>
                                          <p:spTgt spid="10"/>
                                        </p:tgtEl>
                                      </p:cBhvr>
                                    </p:animEffect>
                                    <p:set>
                                      <p:cBhvr>
                                        <p:cTn dur="1" fill="hold" id="93">
                                          <p:stCondLst>
                                            <p:cond delay="499"/>
                                          </p:stCondLst>
                                        </p:cTn>
                                        <p:tgtEl>
                                          <p:spTgt spid="10"/>
                                        </p:tgtEl>
                                        <p:attrNameLst>
                                          <p:attrName>style.visibility</p:attrName>
                                        </p:attrNameLst>
                                      </p:cBhvr>
                                      <p:to>
                                        <p:strVal val="hidden"/>
                                      </p:to>
                                    </p:set>
                                  </p:childTnLst>
                                </p:cTn>
                              </p:par>
                              <p:par>
                                <p:cTn fill="hold" grpId="1" id="94" nodeType="withEffect" presetClass="exit" presetID="10" presetSubtype="0">
                                  <p:stCondLst>
                                    <p:cond delay="0"/>
                                  </p:stCondLst>
                                  <p:childTnLst>
                                    <p:animEffect filter="fade" transition="out">
                                      <p:cBhvr>
                                        <p:cTn dur="500" id="95"/>
                                        <p:tgtEl>
                                          <p:spTgt spid="11"/>
                                        </p:tgtEl>
                                      </p:cBhvr>
                                    </p:animEffect>
                                    <p:set>
                                      <p:cBhvr>
                                        <p:cTn dur="1" fill="hold" id="96">
                                          <p:stCondLst>
                                            <p:cond delay="499"/>
                                          </p:stCondLst>
                                        </p:cTn>
                                        <p:tgtEl>
                                          <p:spTgt spid="11"/>
                                        </p:tgtEl>
                                        <p:attrNameLst>
                                          <p:attrName>style.visibility</p:attrName>
                                        </p:attrNameLst>
                                      </p:cBhvr>
                                      <p:to>
                                        <p:strVal val="hidden"/>
                                      </p:to>
                                    </p:set>
                                  </p:childTnLst>
                                </p:cTn>
                              </p:par>
                              <p:par>
                                <p:cTn fill="hold" grpId="1" id="97" nodeType="withEffect" presetClass="exit" presetID="10" presetSubtype="0">
                                  <p:stCondLst>
                                    <p:cond delay="0"/>
                                  </p:stCondLst>
                                  <p:childTnLst>
                                    <p:animEffect filter="fade" transition="out">
                                      <p:cBhvr>
                                        <p:cTn dur="500" id="98"/>
                                        <p:tgtEl>
                                          <p:spTgt spid="12"/>
                                        </p:tgtEl>
                                      </p:cBhvr>
                                    </p:animEffect>
                                    <p:set>
                                      <p:cBhvr>
                                        <p:cTn dur="1" fill="hold" id="99">
                                          <p:stCondLst>
                                            <p:cond delay="499"/>
                                          </p:stCondLst>
                                        </p:cTn>
                                        <p:tgtEl>
                                          <p:spTgt spid="12"/>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P grpId="0" spid="10"/>
      <p:bldP grpId="1" spid="10"/>
      <p:bldP grpId="0" spid="11"/>
      <p:bldP grpId="1" spid="11"/>
      <p:bldP grpId="0" spid="12"/>
      <p:bldP grpId="1" spid="12"/>
      <p:bldP grpId="0" spid="13"/>
      <p:bldP grpId="0" spid="14"/>
      <p:bldP grpId="1" spid="14"/>
      <p:bldP grpId="0" spid="34"/>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1046440"/>
          </a:xfrm>
          <a:prstGeom prst="rect">
            <a:avLst/>
          </a:prstGeom>
          <a:noFill/>
        </p:spPr>
        <p:txBody>
          <a:bodyPr bIns="91440" rtlCol="0" tIns="91440" wrap="square">
            <a:spAutoFit/>
          </a:bodyPr>
          <a:lstStyle>
            <a:defPPr>
              <a:defRPr lang="es-ES"/>
            </a:defPPr>
            <a:lvl1pPr algn="ctr">
              <a:buClr>
                <a:srgbClr val="008CCF"/>
              </a:buClr>
              <a:defRPr sz="2800">
                <a:solidFill>
                  <a:schemeClr val="accent2"/>
                </a:solidFill>
              </a:defRPr>
            </a:lvl1pPr>
          </a:lstStyle>
          <a:p txid="857c53e5f0d85d6c3799d61de86c0d22">
            <a:r>
              <a:rPr dirty="0" lang="en-NO">
                <a:solidFill>
                  <a:schemeClr val="tx1"/>
                </a:solidFill>
              </a:rPr>
              <a:t>Nombre de femmes enceintes qui se sont rendues à leur première visite de CPN</a:t>
            </a:r>
            <a:r>
              <a:rPr lang="en-NO">
                <a:solidFill>
                  <a:schemeClr val="tx1"/>
                </a:solidFill>
              </a:rPr>
            </a:r>
            <a:r>
              <a:rPr lang="es-ES">
                <a:solidFill>
                  <a:schemeClr val="tx1"/>
                </a:solidFill>
              </a:rPr>
            </a:r>
            <a:r>
              <a:rPr lang="en-NO">
                <a:solidFill>
                  <a:schemeClr val="tx1"/>
                </a:solidFill>
              </a:rPr>
            </a:r>
            <a:r>
              <a:rPr lang="es-ES">
                <a:solidFill>
                  <a:schemeClr val="tx1"/>
                </a:solidFill>
              </a:rPr>
            </a:r>
            <a:r>
              <a:rPr lang="en-NO">
                <a:solidFill>
                  <a:schemeClr val="tx1"/>
                </a:solidFill>
              </a:rPr>
              <a:t> </a:t>
            </a:r>
            <a:r>
              <a:rPr dirty="0" lang="en-NO">
                <a:solidFill>
                  <a:schemeClr val="tx1"/>
                </a:solidFill>
              </a:rPr>
            </a:r>
          </a:p>
        </p:txBody>
      </p:sp>
    </p:spTree>
    <p:custDataLst>
      <p:tags r:id="rId1"/>
    </p:custDataLst>
    <p:extLst>
      <p:ext uri="{BB962C8B-B14F-4D97-AF65-F5344CB8AC3E}">
        <p14:creationId xmlns:p14="http://schemas.microsoft.com/office/powerpoint/2010/main" val="1661731561"/>
      </p:ext>
    </p:extLst>
  </p:cSld>
  <p:clrMapOvr>
    <a:masterClrMapping/>
  </p:clrMapOvr>
  <mc:AlternateContent xmlns:mc="http://schemas.openxmlformats.org/markup-compatibility/2006" xmlns:p14="http://schemas.microsoft.com/office/powerpoint/2010/main">
    <mc:Choice Requires="p14">
      <p:transition advTm="12912" p14:dur="2000" spd="slow"/>
    </mc:Choice>
    <mc:Fallback xmlns="">
      <p:transition advTm="129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1046440"/>
          </a:xfrm>
          <a:prstGeom prst="rect">
            <a:avLst/>
          </a:prstGeom>
          <a:noFill/>
        </p:spPr>
        <p:txBody>
          <a:bodyPr bIns="91440" rtlCol="0" tIns="91440" wrap="square">
            <a:spAutoFit/>
          </a:bodyPr>
          <a:lstStyle>
            <a:defPPr>
              <a:defRPr lang="es-ES"/>
            </a:defPPr>
            <a:lvl1pPr algn="ctr">
              <a:buClr>
                <a:srgbClr val="008CCF"/>
              </a:buClr>
              <a:defRPr sz="2800">
                <a:solidFill>
                  <a:schemeClr val="accent2"/>
                </a:solidFill>
              </a:defRPr>
            </a:lvl1pPr>
          </a:lstStyle>
          <a:p txid="857c53e5f0d85d6c3799d61de86c0d22">
            <a:r>
              <a:rPr dirty="0" lang="en-NO">
                <a:solidFill>
                  <a:schemeClr val="tx1"/>
                </a:solidFill>
              </a:rPr>
              <a:t>Nombre de femmes enceintes qui se sont rendues à leur première visite de CPN</a:t>
            </a:r>
            <a:r>
              <a:rPr lang="en-NO">
                <a:solidFill>
                  <a:schemeClr val="tx1"/>
                </a:solidFill>
              </a:rPr>
            </a:r>
            <a:r>
              <a:rPr lang="es-ES">
                <a:solidFill>
                  <a:schemeClr val="tx1"/>
                </a:solidFill>
              </a:rPr>
            </a:r>
            <a:r>
              <a:rPr lang="en-NO">
                <a:solidFill>
                  <a:schemeClr val="tx1"/>
                </a:solidFill>
              </a:rPr>
            </a:r>
            <a:r>
              <a:rPr lang="es-ES">
                <a:solidFill>
                  <a:schemeClr val="tx1"/>
                </a:solidFill>
              </a:rPr>
            </a:r>
            <a:r>
              <a:rPr lang="en-NO">
                <a:solidFill>
                  <a:schemeClr val="tx1"/>
                </a:solidFill>
              </a:rPr>
              <a:t> </a:t>
            </a:r>
            <a:r>
              <a:rPr dirty="0" lang="en-NO">
                <a:solidFill>
                  <a:schemeClr val="tx1"/>
                </a:solidFill>
              </a:rPr>
            </a:r>
          </a:p>
        </p:txBody>
      </p:sp>
      <p:cxnSp>
        <p:nvCxnSpPr>
          <p:cNvPr id="4" name="Straight Connector 3">
            <a:extLst>
              <a:ext uri="{FF2B5EF4-FFF2-40B4-BE49-F238E27FC236}">
                <a16:creationId xmlns:a16="http://schemas.microsoft.com/office/drawing/2014/main" id="{6A94295F-62AD-0E6B-260E-4B48BEBEA129}"/>
              </a:ext>
            </a:extLst>
          </p:cNvPr>
          <p:cNvCxnSpPr>
            <a:cxnSpLocks/>
          </p:cNvCxnSpPr>
          <p:nvPr/>
        </p:nvCxnSpPr>
        <p:spPr>
          <a:xfrm>
            <a:off x="1840651" y="3627049"/>
            <a:ext cx="1920240"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cxnSp>
        <p:nvCxnSpPr>
          <p:cNvPr id="5" name="Straight Connector 4">
            <a:extLst>
              <a:ext uri="{FF2B5EF4-FFF2-40B4-BE49-F238E27FC236}">
                <a16:creationId xmlns:a16="http://schemas.microsoft.com/office/drawing/2014/main" id="{9964C1C6-9674-00D2-EF8D-C3A29DCFCE29}"/>
              </a:ext>
            </a:extLst>
          </p:cNvPr>
          <p:cNvCxnSpPr>
            <a:cxnSpLocks/>
          </p:cNvCxnSpPr>
          <p:nvPr/>
        </p:nvCxnSpPr>
        <p:spPr>
          <a:xfrm>
            <a:off x="3821857" y="3627049"/>
            <a:ext cx="2834640"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cxnSp>
        <p:nvCxnSpPr>
          <p:cNvPr id="6" name="Straight Connector 5">
            <a:extLst>
              <a:ext uri="{FF2B5EF4-FFF2-40B4-BE49-F238E27FC236}">
                <a16:creationId xmlns:a16="http://schemas.microsoft.com/office/drawing/2014/main" id="{EF9BF7C7-9E0C-C06F-0EB0-4DF117E90074}"/>
              </a:ext>
            </a:extLst>
          </p:cNvPr>
          <p:cNvCxnSpPr>
            <a:cxnSpLocks/>
          </p:cNvCxnSpPr>
          <p:nvPr/>
        </p:nvCxnSpPr>
        <p:spPr>
          <a:xfrm>
            <a:off x="6740554" y="3627049"/>
            <a:ext cx="2743200"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sp>
        <p:nvSpPr>
          <p:cNvPr id="7" name="TextBox 6">
            <a:extLst>
              <a:ext uri="{FF2B5EF4-FFF2-40B4-BE49-F238E27FC236}">
                <a16:creationId xmlns:a16="http://schemas.microsoft.com/office/drawing/2014/main" id="{C30CE9B3-D2A2-4251-ACE9-B68996906001}"/>
              </a:ext>
            </a:extLst>
          </p:cNvPr>
          <p:cNvSpPr txBox="1"/>
          <p:nvPr/>
        </p:nvSpPr>
        <p:spPr>
          <a:xfrm>
            <a:off x="1335311" y="1636067"/>
            <a:ext cx="9563100" cy="461665"/>
          </a:xfrm>
          <a:prstGeom prst="rect">
            <a:avLst/>
          </a:prstGeom>
          <a:noFill/>
        </p:spPr>
        <p:txBody>
          <a:bodyPr rtlCol="0" wrap="square">
            <a:spAutoFit/>
          </a:bodyPr>
          <a:lstStyle/>
          <a:p txid="cd652c5eb4d8ecd2441fcf953e804230">
            <a:pPr algn="l" indent="-457200" marL="457200">
              <a:buClr>
                <a:srgbClr val="008CCF"/>
              </a:buClr>
              <a:buFont typeface="+mj-lt"/>
              <a:buAutoNum type="arabicPeriod"/>
            </a:pPr>
            <a:r>
              <a:rPr lang="es-ES" sz="2400">
                <a:latin typeface="+mj-lt"/>
              </a:rPr>
              <a:t> Exclure les informations inutiles : </a:t>
            </a:r>
            <a:r>
              <a:rPr lang="es-ES" sz="2400"/>
            </a:r>
          </a:p>
        </p:txBody>
      </p:sp>
    </p:spTree>
    <p:custDataLst>
      <p:tags r:id="rId1"/>
    </p:custDataLst>
    <p:extLst>
      <p:ext uri="{BB962C8B-B14F-4D97-AF65-F5344CB8AC3E}">
        <p14:creationId xmlns:p14="http://schemas.microsoft.com/office/powerpoint/2010/main" val="592523909"/>
      </p:ext>
    </p:extLst>
  </p:cSld>
  <p:clrMapOvr>
    <a:masterClrMapping/>
  </p:clrMapOvr>
  <mc:AlternateContent xmlns:mc="http://schemas.openxmlformats.org/markup-compatibility/2006" xmlns:p14="http://schemas.microsoft.com/office/powerpoint/2010/main">
    <mc:Choice Requires="p14">
      <p:transition advTm="24624" p14:dur="2000" spd="slow"/>
    </mc:Choice>
    <mc:Fallback xmlns="">
      <p:transition advTm="246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8">
                                  <p:stCondLst>
                                    <p:cond delay="0"/>
                                  </p:stCondLst>
                                  <p:childTnLst>
                                    <p:set>
                                      <p:cBhvr>
                                        <p:cTn dur="1" fill="hold" id="6">
                                          <p:stCondLst>
                                            <p:cond delay="0"/>
                                          </p:stCondLst>
                                        </p:cTn>
                                        <p:tgtEl>
                                          <p:spTgt spid="4"/>
                                        </p:tgtEl>
                                        <p:attrNameLst>
                                          <p:attrName>style.visibility</p:attrName>
                                        </p:attrNameLst>
                                      </p:cBhvr>
                                      <p:to>
                                        <p:strVal val="visible"/>
                                      </p:to>
                                    </p:set>
                                    <p:animEffect filter="wipe(left)"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8">
                                  <p:stCondLst>
                                    <p:cond delay="0"/>
                                  </p:stCondLst>
                                  <p:childTnLst>
                                    <p:set>
                                      <p:cBhvr>
                                        <p:cTn dur="1" fill="hold" id="11">
                                          <p:stCondLst>
                                            <p:cond delay="0"/>
                                          </p:stCondLst>
                                        </p:cTn>
                                        <p:tgtEl>
                                          <p:spTgt spid="5"/>
                                        </p:tgtEl>
                                        <p:attrNameLst>
                                          <p:attrName>style.visibility</p:attrName>
                                        </p:attrNameLst>
                                      </p:cBhvr>
                                      <p:to>
                                        <p:strVal val="visible"/>
                                      </p:to>
                                    </p:set>
                                    <p:animEffect filter="wipe(left)"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6"/>
                                        </p:tgtEl>
                                        <p:attrNameLst>
                                          <p:attrName>style.visibility</p:attrName>
                                        </p:attrNameLst>
                                      </p:cBhvr>
                                      <p:to>
                                        <p:strVal val="visible"/>
                                      </p:to>
                                    </p:set>
                                    <p:animEffect filter="wipe(left)" transition="in">
                                      <p:cBhvr>
                                        <p:cTn dur="500" id="17"/>
                                        <p:tgtEl>
                                          <p:spTgt spid="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615553"/>
          </a:xfrm>
          <a:prstGeom prst="rect">
            <a:avLst/>
          </a:prstGeom>
          <a:noFill/>
        </p:spPr>
        <p:txBody>
          <a:bodyPr bIns="91440" rtlCol="0" tIns="91440" wrap="square">
            <a:spAutoFit/>
          </a:bodyPr>
          <a:lstStyle>
            <a:defPPr>
              <a:defRPr lang="es-ES"/>
            </a:defPPr>
            <a:lvl1pPr algn="ctr">
              <a:buClr>
                <a:srgbClr val="008CCF"/>
              </a:buClr>
              <a:defRPr sz="2800">
                <a:solidFill>
                  <a:schemeClr val="accent2"/>
                </a:solidFill>
              </a:defRPr>
            </a:lvl1pPr>
          </a:lstStyle>
          <a:p txid="1f6a66129ab73384bf33b551080a9628">
            <a:r>
              <a:rPr lang="es-ES">
                <a:solidFill>
                  <a:schemeClr val="tx1"/>
                </a:solidFill>
              </a:rPr>
              <a:t>Première visite de CPN</a:t>
            </a:r>
            <a:r>
              <a:rPr lang="en-NO">
                <a:solidFill>
                  <a:schemeClr val="tx1"/>
                </a:solidFill>
              </a:rPr>
            </a:r>
            <a:r>
              <a:rPr lang="es-ES">
                <a:solidFill>
                  <a:schemeClr val="tx1"/>
                </a:solidFill>
              </a:rPr>
            </a:r>
            <a:r>
              <a:rPr lang="en-NO">
                <a:solidFill>
                  <a:schemeClr val="tx1"/>
                </a:solidFill>
              </a:rPr>
              <a:t> </a:t>
            </a:r>
            <a:r>
              <a:rPr dirty="0" lang="en-NO">
                <a:solidFill>
                  <a:schemeClr val="tx1"/>
                </a:solidFill>
              </a:rPr>
            </a:r>
          </a:p>
        </p:txBody>
      </p:sp>
      <p:sp>
        <p:nvSpPr>
          <p:cNvPr id="7" name="TextBox 6">
            <a:extLst>
              <a:ext uri="{FF2B5EF4-FFF2-40B4-BE49-F238E27FC236}">
                <a16:creationId xmlns:a16="http://schemas.microsoft.com/office/drawing/2014/main" id="{79500947-F3F8-C790-32F6-FBD9E967ADCE}"/>
              </a:ext>
            </a:extLst>
          </p:cNvPr>
          <p:cNvSpPr txBox="1"/>
          <p:nvPr/>
        </p:nvSpPr>
        <p:spPr>
          <a:xfrm>
            <a:off x="1335311" y="1636067"/>
            <a:ext cx="9563100" cy="461665"/>
          </a:xfrm>
          <a:prstGeom prst="rect">
            <a:avLst/>
          </a:prstGeom>
          <a:noFill/>
        </p:spPr>
        <p:txBody>
          <a:bodyPr rtlCol="0" wrap="square">
            <a:spAutoFit/>
          </a:bodyPr>
          <a:lstStyle/>
          <a:p txid="cd652c5eb4d8ecd2441fcf953e804230">
            <a:pPr algn="l" indent="-457200" marL="457200">
              <a:buClr>
                <a:srgbClr val="008CCF"/>
              </a:buClr>
              <a:buFont typeface="+mj-lt"/>
              <a:buAutoNum type="arabicPeriod"/>
            </a:pPr>
            <a:r>
              <a:rPr lang="es-ES" sz="2400">
                <a:latin typeface="+mj-lt"/>
              </a:rPr>
              <a:t> Exclure les informations inutiles : </a:t>
            </a:r>
            <a:r>
              <a:rPr lang="es-ES" sz="2400"/>
            </a:r>
          </a:p>
        </p:txBody>
      </p:sp>
      <p:sp>
        <p:nvSpPr>
          <p:cNvPr id="8" name="TextBox 7">
            <a:extLst>
              <a:ext uri="{FF2B5EF4-FFF2-40B4-BE49-F238E27FC236}">
                <a16:creationId xmlns:a16="http://schemas.microsoft.com/office/drawing/2014/main" id="{EF5069D1-7898-5E90-6BEF-F2C6536C499A}"/>
              </a:ext>
            </a:extLst>
          </p:cNvPr>
          <p:cNvSpPr txBox="1"/>
          <p:nvPr/>
        </p:nvSpPr>
        <p:spPr>
          <a:xfrm>
            <a:off x="1807029" y="2104574"/>
            <a:ext cx="5413828" cy="830997"/>
          </a:xfrm>
          <a:prstGeom prst="rect">
            <a:avLst/>
          </a:prstGeom>
          <a:noFill/>
        </p:spPr>
        <p:txBody>
          <a:bodyPr rtlCol="0" wrap="square">
            <a:spAutoFit/>
          </a:bodyPr>
          <a:lstStyle/>
          <a:p txid="4a5021fab41235edaf3eb231c6d94fd8">
            <a:pPr algn="l" indent="-342900" marL="342900">
              <a:buClr>
                <a:srgbClr val="008CCF"/>
              </a:buClr>
              <a:buFont charset="-79" pitchFamily="2" typeface="Rubik"/>
              <a:buChar char="•"/>
            </a:pPr>
            <a:r>
              <a:rPr lang="es-ES" sz="2400"/>
              <a:t>Court</a:t>
            </a:r>
          </a:p>
          <a:p txid="0270afa8322e19ab958c25899cd0efaf">
            <a:pPr algn="l" indent="-342900" marL="342900">
              <a:buClr>
                <a:srgbClr val="008CCF"/>
              </a:buClr>
              <a:buFont charset="-79" pitchFamily="2" typeface="Rubik"/>
              <a:buChar char="•"/>
            </a:pPr>
            <a:r>
              <a:rPr lang="es-ES" sz="2400"/>
              <a:t>Simple </a:t>
            </a:r>
          </a:p>
        </p:txBody>
      </p:sp>
    </p:spTree>
    <p:custDataLst>
      <p:tags r:id="rId1"/>
    </p:custDataLst>
    <p:extLst>
      <p:ext uri="{BB962C8B-B14F-4D97-AF65-F5344CB8AC3E}">
        <p14:creationId xmlns:p14="http://schemas.microsoft.com/office/powerpoint/2010/main" val="2684184053"/>
      </p:ext>
    </p:extLst>
  </p:cSld>
  <p:clrMapOvr>
    <a:masterClrMapping/>
  </p:clrMapOvr>
  <mc:AlternateContent xmlns:mc="http://schemas.openxmlformats.org/markup-compatibility/2006" xmlns:p159="http://schemas.microsoft.com/office/powerpoint/2015/09/main">
    <mc:Choice Requires="p159">
      <p:transition advTm="5187" spd="med">
        <p159:morph option="byObject"/>
      </p:transition>
    </mc:Choice>
    <mc:Fallback xmlns="">
      <p:transition advTm="5187" spd="med">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8">
                                            <p:txEl>
                                              <p:pRg end="0" st="0"/>
                                            </p:txEl>
                                          </p:spTgt>
                                        </p:tgtEl>
                                        <p:attrNameLst>
                                          <p:attrName>style.visibility</p:attrName>
                                        </p:attrNameLst>
                                      </p:cBhvr>
                                      <p:to>
                                        <p:strVal val="visible"/>
                                      </p:to>
                                    </p:set>
                                    <p:animEffect filter="fade" transition="in">
                                      <p:cBhvr>
                                        <p:cTn dur="500" id="7"/>
                                        <p:tgtEl>
                                          <p:spTgt spid="8">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8">
                                            <p:txEl>
                                              <p:pRg end="1" st="1"/>
                                            </p:txEl>
                                          </p:spTgt>
                                        </p:tgtEl>
                                        <p:attrNameLst>
                                          <p:attrName>style.visibility</p:attrName>
                                        </p:attrNameLst>
                                      </p:cBhvr>
                                      <p:to>
                                        <p:strVal val="visible"/>
                                      </p:to>
                                    </p:set>
                                    <p:animEffect filter="fade" transition="in">
                                      <p:cBhvr>
                                        <p:cTn dur="500" id="12"/>
                                        <p:tgtEl>
                                          <p:spTgt spid="8">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8" uiExpand="1"/>
    </p:bld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615553"/>
          </a:xfrm>
          <a:prstGeom prst="rect">
            <a:avLst/>
          </a:prstGeom>
          <a:noFill/>
        </p:spPr>
        <p:txBody>
          <a:bodyPr bIns="91440" rtlCol="0" tIns="91440" wrap="square">
            <a:spAutoFit/>
          </a:bodyPr>
          <a:lstStyle>
            <a:defPPr>
              <a:defRPr lang="es-ES"/>
            </a:defPPr>
            <a:lvl1pPr algn="ctr">
              <a:buClr>
                <a:srgbClr val="008CCF"/>
              </a:buClr>
              <a:defRPr sz="2800">
                <a:solidFill>
                  <a:schemeClr val="accent2"/>
                </a:solidFill>
              </a:defRPr>
            </a:lvl1pPr>
          </a:lstStyle>
          <a:p txid="1f6a66129ab73384bf33b551080a9628">
            <a:r>
              <a:rPr lang="es-ES">
                <a:solidFill>
                  <a:schemeClr val="tx1"/>
                </a:solidFill>
              </a:rPr>
              <a:t>Première visite de CPN</a:t>
            </a:r>
            <a:r>
              <a:rPr lang="en-NO">
                <a:solidFill>
                  <a:schemeClr val="tx1"/>
                </a:solidFill>
              </a:rPr>
            </a:r>
            <a:r>
              <a:rPr lang="es-ES">
                <a:solidFill>
                  <a:schemeClr val="tx1"/>
                </a:solidFill>
              </a:rPr>
            </a:r>
            <a:r>
              <a:rPr lang="en-NO">
                <a:solidFill>
                  <a:schemeClr val="tx1"/>
                </a:solidFill>
              </a:rPr>
              <a:t> </a:t>
            </a:r>
            <a:r>
              <a:rPr dirty="0" lang="en-NO">
                <a:solidFill>
                  <a:schemeClr val="tx1"/>
                </a:solidFill>
              </a:rPr>
            </a:r>
          </a:p>
        </p:txBody>
      </p:sp>
      <p:sp>
        <p:nvSpPr>
          <p:cNvPr id="7" name="TextBox 6">
            <a:extLst>
              <a:ext uri="{FF2B5EF4-FFF2-40B4-BE49-F238E27FC236}">
                <a16:creationId xmlns:a16="http://schemas.microsoft.com/office/drawing/2014/main" id="{79500947-F3F8-C790-32F6-FBD9E967ADCE}"/>
              </a:ext>
            </a:extLst>
          </p:cNvPr>
          <p:cNvSpPr txBox="1"/>
          <p:nvPr/>
        </p:nvSpPr>
        <p:spPr>
          <a:xfrm>
            <a:off x="1335311" y="1636067"/>
            <a:ext cx="9563100" cy="461665"/>
          </a:xfrm>
          <a:prstGeom prst="rect">
            <a:avLst/>
          </a:prstGeom>
          <a:noFill/>
        </p:spPr>
        <p:txBody>
          <a:bodyPr rtlCol="0" wrap="square">
            <a:spAutoFit/>
          </a:bodyPr>
          <a:lstStyle/>
          <a:p txid="cd652c5eb4d8ecd2441fcf953e804230">
            <a:pPr algn="l" indent="-457200" marL="457200">
              <a:buClr>
                <a:srgbClr val="008CCF"/>
              </a:buClr>
              <a:buFont typeface="+mj-lt"/>
              <a:buAutoNum type="arabicPeriod"/>
            </a:pPr>
            <a:r>
              <a:rPr lang="es-ES" sz="2400">
                <a:latin typeface="+mj-lt"/>
              </a:rPr>
              <a:t> Exclure les informations inutiles : </a:t>
            </a:r>
            <a:r>
              <a:rPr lang="es-ES" sz="2400"/>
            </a:r>
          </a:p>
        </p:txBody>
      </p:sp>
      <p:sp>
        <p:nvSpPr>
          <p:cNvPr id="4" name="TextBox 3">
            <a:extLst>
              <a:ext uri="{FF2B5EF4-FFF2-40B4-BE49-F238E27FC236}">
                <a16:creationId xmlns:a16="http://schemas.microsoft.com/office/drawing/2014/main" id="{8E00174D-EE89-C65B-2517-64705F05CEA4}"/>
              </a:ext>
            </a:extLst>
          </p:cNvPr>
          <p:cNvSpPr txBox="1"/>
          <p:nvPr/>
        </p:nvSpPr>
        <p:spPr>
          <a:xfrm>
            <a:off x="1807029" y="2097732"/>
            <a:ext cx="7932057" cy="910827"/>
          </a:xfrm>
          <a:prstGeom prst="rect">
            <a:avLst/>
          </a:prstGeom>
          <a:noFill/>
        </p:spPr>
        <p:txBody>
          <a:bodyPr rtlCol="0" wrap="square">
            <a:spAutoFit/>
          </a:bodyPr>
          <a:lstStyle/>
          <a:p txid="78e1ba315c2f84adb0648d8ccc605e55">
            <a:pPr algn="l">
              <a:lnSpc>
                <a:spcPts val="3300"/>
              </a:lnSpc>
              <a:buClr>
                <a:srgbClr val="008CCF"/>
              </a:buClr>
            </a:pPr>
            <a:r>
              <a:rPr lang="es-ES" sz="2400"/>
              <a:t>Voulez-vous garder plus d'informations ?</a:t>
            </a:r>
          </a:p>
          <a:p txid="26d9501ac29b6a4a526182967d64e217">
            <a:pPr algn="l" indent="-342900" marL="342900">
              <a:lnSpc>
                <a:spcPts val="3300"/>
              </a:lnSpc>
              <a:buClr>
                <a:srgbClr val="008CCF"/>
              </a:buClr>
              <a:buFont charset="0" panose="020B0604020202020204" pitchFamily="34" typeface="Arial"/>
              <a:buChar char="•"/>
            </a:pPr>
            <a:r>
              <a:rPr lang="es-ES" sz="2400"/>
              <a:t>Utilisez le champ de </a:t>
            </a:r>
            <a:r>
              <a:rPr lang="es-ES" sz="2400">
                <a:latin typeface="+mj-lt"/>
              </a:rPr>
              <a:t> description </a:t>
            </a:r>
            <a:r>
              <a:rPr lang="es-ES" sz="2400"/>
            </a:r>
          </a:p>
        </p:txBody>
      </p:sp>
    </p:spTree>
    <p:custDataLst>
      <p:tags r:id="rId1"/>
    </p:custDataLst>
    <p:extLst>
      <p:ext uri="{BB962C8B-B14F-4D97-AF65-F5344CB8AC3E}">
        <p14:creationId xmlns:p14="http://schemas.microsoft.com/office/powerpoint/2010/main" val="1505081248"/>
      </p:ext>
    </p:extLst>
  </p:cSld>
  <p:clrMapOvr>
    <a:masterClrMapping/>
  </p:clrMapOvr>
  <mc:AlternateContent xmlns:mc="http://schemas.openxmlformats.org/markup-compatibility/2006" xmlns:p159="http://schemas.microsoft.com/office/powerpoint/2015/09/main">
    <mc:Choice Requires="p159">
      <p:transition advTm="9504" spd="med">
        <p159:morph option="byObject"/>
      </p:transition>
    </mc:Choice>
    <mc:Fallback xmlns="">
      <p:transition advTm="9504" spd="med">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615553"/>
          </a:xfrm>
          <a:prstGeom prst="rect">
            <a:avLst/>
          </a:prstGeom>
          <a:noFill/>
        </p:spPr>
        <p:txBody>
          <a:bodyPr bIns="91440" rtlCol="0" tIns="91440" wrap="square">
            <a:spAutoFit/>
          </a:bodyPr>
          <a:lstStyle>
            <a:defPPr>
              <a:defRPr lang="es-ES"/>
            </a:defPPr>
            <a:lvl1pPr algn="ctr">
              <a:buClr>
                <a:srgbClr val="008CCF"/>
              </a:buClr>
              <a:defRPr sz="2800">
                <a:solidFill>
                  <a:schemeClr val="accent2"/>
                </a:solidFill>
              </a:defRPr>
            </a:lvl1pPr>
          </a:lstStyle>
          <a:p txid="1f6a66129ab73384bf33b551080a9628">
            <a:r>
              <a:rPr lang="es-ES">
                <a:solidFill>
                  <a:schemeClr val="tx1"/>
                </a:solidFill>
              </a:rPr>
              <a:t>Première visite de CPN</a:t>
            </a:r>
            <a:r>
              <a:rPr lang="en-NO">
                <a:solidFill>
                  <a:schemeClr val="tx1"/>
                </a:solidFill>
              </a:rPr>
            </a:r>
            <a:r>
              <a:rPr lang="es-ES">
                <a:solidFill>
                  <a:schemeClr val="tx1"/>
                </a:solidFill>
              </a:rPr>
            </a:r>
            <a:r>
              <a:rPr lang="en-NO">
                <a:solidFill>
                  <a:schemeClr val="tx1"/>
                </a:solidFill>
              </a:rPr>
              <a:t> </a:t>
            </a:r>
            <a:r>
              <a:rPr dirty="0" lang="en-NO">
                <a:solidFill>
                  <a:schemeClr val="tx1"/>
                </a:solidFill>
              </a:rPr>
            </a:r>
          </a:p>
        </p:txBody>
      </p:sp>
      <p:sp>
        <p:nvSpPr>
          <p:cNvPr id="7" name="TextBox 6">
            <a:extLst>
              <a:ext uri="{FF2B5EF4-FFF2-40B4-BE49-F238E27FC236}">
                <a16:creationId xmlns:a16="http://schemas.microsoft.com/office/drawing/2014/main" id="{79500947-F3F8-C790-32F6-FBD9E967ADCE}"/>
              </a:ext>
            </a:extLst>
          </p:cNvPr>
          <p:cNvSpPr txBox="1"/>
          <p:nvPr/>
        </p:nvSpPr>
        <p:spPr>
          <a:xfrm>
            <a:off x="1335311" y="1636067"/>
            <a:ext cx="9563100" cy="910827"/>
          </a:xfrm>
          <a:prstGeom prst="rect">
            <a:avLst/>
          </a:prstGeom>
          <a:noFill/>
        </p:spPr>
        <p:txBody>
          <a:bodyPr rtlCol="0" wrap="square">
            <a:spAutoFit/>
          </a:bodyPr>
          <a:lstStyle/>
          <a:p txid="fbda09140c6dc5afd3b7b93a1fb8d9dd">
            <a:pPr algn="l" indent="-457200" marL="457200">
              <a:lnSpc>
                <a:spcPts val="3300"/>
              </a:lnSpc>
              <a:buClr>
                <a:srgbClr val="008CCF"/>
              </a:buClr>
              <a:buFont typeface="+mj-lt"/>
              <a:buAutoNum type="arabicPeriod"/>
            </a:pPr>
            <a:r>
              <a:rPr lang="es-ES" sz="2400">
                <a:latin typeface="+mj-lt"/>
              </a:rPr>
              <a:t> Exclure les informations inutiles </a:t>
            </a:r>
            <a:r>
              <a:rPr lang="es-ES" sz="2400"/>
            </a:r>
          </a:p>
          <a:p txid="0dca51a95dcd02f1d385e9290464ac35">
            <a:pPr algn="l" indent="-457200" marL="457200">
              <a:lnSpc>
                <a:spcPts val="3300"/>
              </a:lnSpc>
              <a:buClr>
                <a:srgbClr val="008CCF"/>
              </a:buClr>
              <a:buFont typeface="+mj-lt"/>
              <a:buAutoNum type="arabicPeriod"/>
            </a:pPr>
            <a:r>
              <a:rPr lang="es-ES" sz="2400"/>
              <a:t> Placez les  informations clés au début du nom</a:t>
            </a:r>
            <a:r>
              <a:rPr lang="es-ES" sz="2400">
                <a:latin typeface="+mj-lt"/>
              </a:rPr>
            </a:r>
          </a:p>
        </p:txBody>
      </p:sp>
    </p:spTree>
    <p:custDataLst>
      <p:tags r:id="rId1"/>
    </p:custDataLst>
    <p:extLst>
      <p:ext uri="{BB962C8B-B14F-4D97-AF65-F5344CB8AC3E}">
        <p14:creationId xmlns:p14="http://schemas.microsoft.com/office/powerpoint/2010/main" val="2161511033"/>
      </p:ext>
    </p:extLst>
  </p:cSld>
  <p:clrMapOvr>
    <a:masterClrMapping/>
  </p:clrMapOvr>
  <mc:AlternateContent xmlns:mc="http://schemas.openxmlformats.org/markup-compatibility/2006" xmlns:p159="http://schemas.microsoft.com/office/powerpoint/2015/09/main">
    <mc:Choice Requires="p159">
      <p:transition advTm="11208" spd="med">
        <p159:morph option="byObject"/>
      </p:transition>
    </mc:Choice>
    <mc:Fallback xmlns="">
      <p:transition advTm="11208" spd="med">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7">
                                            <p:txEl>
                                              <p:pRg end="1" st="1"/>
                                            </p:txEl>
                                          </p:spTgt>
                                        </p:tgtEl>
                                        <p:attrNameLst>
                                          <p:attrName>style.visibility</p:attrName>
                                        </p:attrNameLst>
                                      </p:cBhvr>
                                      <p:to>
                                        <p:strVal val="visible"/>
                                      </p:to>
                                    </p:set>
                                    <p:animEffect filter="fade" transition="in">
                                      <p:cBhvr>
                                        <p:cTn dur="500" id="7"/>
                                        <p:tgtEl>
                                          <p:spTgt spid="7">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3294973"/>
            <a:ext cx="9071715" cy="615553"/>
          </a:xfrm>
          <a:prstGeom prst="rect">
            <a:avLst/>
          </a:prstGeom>
          <a:noFill/>
        </p:spPr>
        <p:txBody>
          <a:bodyPr bIns="91440" rtlCol="0" tIns="91440" wrap="square">
            <a:spAutoFit/>
          </a:bodyPr>
          <a:lstStyle>
            <a:defPPr>
              <a:defRPr lang="es-ES"/>
            </a:defPPr>
            <a:lvl1pPr algn="ctr">
              <a:buClr>
                <a:srgbClr val="008CCF"/>
              </a:buClr>
              <a:defRPr sz="2800">
                <a:solidFill>
                  <a:schemeClr val="accent2"/>
                </a:solidFill>
              </a:defRPr>
            </a:lvl1pPr>
          </a:lstStyle>
          <a:p txid="1f6a66129ab73384bf33b551080a9628">
            <a:r>
              <a:rPr lang="es-ES">
                <a:solidFill>
                  <a:schemeClr val="tx1"/>
                </a:solidFill>
              </a:rPr>
              <a:t>Première visite de CPN</a:t>
            </a:r>
            <a:r>
              <a:rPr lang="en-NO">
                <a:solidFill>
                  <a:schemeClr val="tx1"/>
                </a:solidFill>
              </a:rPr>
            </a:r>
            <a:r>
              <a:rPr lang="es-ES">
                <a:solidFill>
                  <a:schemeClr val="tx1"/>
                </a:solidFill>
              </a:rPr>
            </a:r>
            <a:r>
              <a:rPr lang="en-NO">
                <a:solidFill>
                  <a:schemeClr val="tx1"/>
                </a:solidFill>
              </a:rPr>
              <a:t> </a:t>
            </a:r>
            <a:r>
              <a:rPr dirty="0" lang="en-NO">
                <a:solidFill>
                  <a:schemeClr val="tx1"/>
                </a:solidFill>
              </a:rPr>
            </a:r>
          </a:p>
        </p:txBody>
      </p:sp>
      <p:sp>
        <p:nvSpPr>
          <p:cNvPr id="7" name="TextBox 6">
            <a:extLst>
              <a:ext uri="{FF2B5EF4-FFF2-40B4-BE49-F238E27FC236}">
                <a16:creationId xmlns:a16="http://schemas.microsoft.com/office/drawing/2014/main" id="{79500947-F3F8-C790-32F6-FBD9E967ADCE}"/>
              </a:ext>
            </a:extLst>
          </p:cNvPr>
          <p:cNvSpPr txBox="1"/>
          <p:nvPr/>
        </p:nvSpPr>
        <p:spPr>
          <a:xfrm>
            <a:off x="1335311" y="1636067"/>
            <a:ext cx="9563100" cy="910827"/>
          </a:xfrm>
          <a:prstGeom prst="rect">
            <a:avLst/>
          </a:prstGeom>
          <a:noFill/>
        </p:spPr>
        <p:txBody>
          <a:bodyPr rtlCol="0" wrap="square">
            <a:spAutoFit/>
          </a:bodyPr>
          <a:lstStyle/>
          <a:p txid="fbda09140c6dc5afd3b7b93a1fb8d9dd">
            <a:pPr algn="l" indent="-457200" marL="457200">
              <a:lnSpc>
                <a:spcPts val="3300"/>
              </a:lnSpc>
              <a:buClr>
                <a:srgbClr val="008CCF"/>
              </a:buClr>
              <a:buFont typeface="+mj-lt"/>
              <a:buAutoNum type="arabicPeriod"/>
            </a:pPr>
            <a:r>
              <a:rPr lang="es-ES" sz="2400">
                <a:latin typeface="+mj-lt"/>
              </a:rPr>
              <a:t> Exclure les informations inutiles </a:t>
            </a:r>
            <a:r>
              <a:rPr lang="es-ES" sz="2400"/>
            </a:r>
          </a:p>
          <a:p txid="0dca51a95dcd02f1d385e9290464ac35">
            <a:pPr algn="l" indent="-457200" marL="457200">
              <a:lnSpc>
                <a:spcPts val="3300"/>
              </a:lnSpc>
              <a:buClr>
                <a:srgbClr val="008CCF"/>
              </a:buClr>
              <a:buFont typeface="+mj-lt"/>
              <a:buAutoNum type="arabicPeriod"/>
            </a:pPr>
            <a:r>
              <a:rPr lang="es-ES" sz="2400"/>
              <a:t> Placez les  informations clés au début du nom</a:t>
            </a:r>
            <a:r>
              <a:rPr lang="es-ES" sz="2400">
                <a:latin typeface="+mj-lt"/>
              </a:rPr>
            </a:r>
          </a:p>
        </p:txBody>
      </p:sp>
      <p:pic>
        <p:nvPicPr>
          <p:cNvPr descr="Arrow: Clockwise curve with solid fill" id="5" name="Graphic 4">
            <a:extLst>
              <a:ext uri="{FF2B5EF4-FFF2-40B4-BE49-F238E27FC236}">
                <a16:creationId xmlns:a16="http://schemas.microsoft.com/office/drawing/2014/main" id="{CB9C9377-47F8-0258-AD8D-A8C9EF5F0AA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6117771" y="3910526"/>
            <a:ext cx="914400" cy="914400"/>
          </a:xfrm>
          <a:prstGeom prst="rect">
            <a:avLst/>
          </a:prstGeom>
        </p:spPr>
      </p:pic>
      <p:pic>
        <p:nvPicPr>
          <p:cNvPr descr="Arrow: Clockwise curve with solid fill" id="8" name="Graphic 7">
            <a:extLst>
              <a:ext uri="{FF2B5EF4-FFF2-40B4-BE49-F238E27FC236}">
                <a16:creationId xmlns:a16="http://schemas.microsoft.com/office/drawing/2014/main" id="{71F3C557-A1CE-F95B-B7F3-B936EE410BF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flipH="1">
            <a:off x="4920343" y="3910526"/>
            <a:ext cx="914400" cy="914400"/>
          </a:xfrm>
          <a:prstGeom prst="rect">
            <a:avLst/>
          </a:prstGeom>
        </p:spPr>
      </p:pic>
      <p:sp>
        <p:nvSpPr>
          <p:cNvPr id="6" name="TextBox 5">
            <a:extLst>
              <a:ext uri="{FF2B5EF4-FFF2-40B4-BE49-F238E27FC236}">
                <a16:creationId xmlns:a16="http://schemas.microsoft.com/office/drawing/2014/main" id="{7ED1F264-DD3B-022B-3436-AD1D59254F5C}"/>
              </a:ext>
            </a:extLst>
          </p:cNvPr>
          <p:cNvSpPr txBox="1"/>
          <p:nvPr/>
        </p:nvSpPr>
        <p:spPr>
          <a:xfrm>
            <a:off x="4281714" y="4876800"/>
            <a:ext cx="3657600" cy="461665"/>
          </a:xfrm>
          <a:prstGeom prst="rect">
            <a:avLst/>
          </a:prstGeom>
          <a:noFill/>
        </p:spPr>
        <p:txBody>
          <a:bodyPr rtlCol="0" wrap="square">
            <a:spAutoFit/>
          </a:bodyPr>
          <a:lstStyle/>
          <a:p txid="a9922d485012d072bcfc99e0f8651997">
            <a:pPr algn="l">
              <a:buClr>
                <a:srgbClr val="008CCF"/>
              </a:buClr>
            </a:pPr>
            <a:r>
              <a:rPr lang="es-ES" sz="2400"/>
              <a:t>Première d'une série de visites</a:t>
            </a:r>
            <a:r>
              <a:rPr lang="es-ES" sz="2400">
                <a:latin typeface="+mj-lt"/>
              </a:rPr>
            </a:r>
            <a:r>
              <a:rPr lang="es-ES" sz="2400"/>
            </a:r>
          </a:p>
        </p:txBody>
      </p:sp>
    </p:spTree>
    <p:custDataLst>
      <p:tags r:id="rId1"/>
    </p:custDataLst>
    <p:extLst>
      <p:ext uri="{BB962C8B-B14F-4D97-AF65-F5344CB8AC3E}">
        <p14:creationId xmlns:p14="http://schemas.microsoft.com/office/powerpoint/2010/main" val="3215428143"/>
      </p:ext>
    </p:extLst>
  </p:cSld>
  <p:clrMapOvr>
    <a:masterClrMapping/>
  </p:clrMapOvr>
  <mc:AlternateContent xmlns:mc="http://schemas.openxmlformats.org/markup-compatibility/2006" xmlns:p159="http://schemas.microsoft.com/office/powerpoint/2015/09/main">
    <mc:Choice Requires="p159">
      <p:transition advTm="12456" spd="med">
        <p159:morph option="byObject"/>
      </p:transition>
    </mc:Choice>
    <mc:Fallback xmlns="">
      <p:transition advTm="12456" spd="med">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4">
                                  <p:stCondLst>
                                    <p:cond delay="0"/>
                                  </p:stCondLst>
                                  <p:childTnLst>
                                    <p:set>
                                      <p:cBhvr>
                                        <p:cTn dur="1" fill="hold" id="6">
                                          <p:stCondLst>
                                            <p:cond delay="0"/>
                                          </p:stCondLst>
                                        </p:cTn>
                                        <p:tgtEl>
                                          <p:spTgt spid="8"/>
                                        </p:tgtEl>
                                        <p:attrNameLst>
                                          <p:attrName>style.visibility</p:attrName>
                                        </p:attrNameLst>
                                      </p:cBhvr>
                                      <p:to>
                                        <p:strVal val="visible"/>
                                      </p:to>
                                    </p:set>
                                    <p:animEffect filter="wipe(down)" transition="in">
                                      <p:cBhvr>
                                        <p:cTn dur="500" id="7"/>
                                        <p:tgtEl>
                                          <p:spTgt spid="8"/>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4">
                                  <p:stCondLst>
                                    <p:cond delay="0"/>
                                  </p:stCondLst>
                                  <p:childTnLst>
                                    <p:set>
                                      <p:cBhvr>
                                        <p:cTn dur="1" fill="hold" id="11">
                                          <p:stCondLst>
                                            <p:cond delay="0"/>
                                          </p:stCondLst>
                                        </p:cTn>
                                        <p:tgtEl>
                                          <p:spTgt spid="5"/>
                                        </p:tgtEl>
                                        <p:attrNameLst>
                                          <p:attrName>style.visibility</p:attrName>
                                        </p:attrNameLst>
                                      </p:cBhvr>
                                      <p:to>
                                        <p:strVal val="visible"/>
                                      </p:to>
                                    </p:set>
                                    <p:animEffect filter="wipe(down)"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6"/>
                                        </p:tgtEl>
                                        <p:attrNameLst>
                                          <p:attrName>style.visibility</p:attrName>
                                        </p:attrNameLst>
                                      </p:cBhvr>
                                      <p:to>
                                        <p:strVal val="visible"/>
                                      </p:to>
                                    </p:set>
                                    <p:animEffect filter="fade" transition="in">
                                      <p:cBhvr>
                                        <p:cTn dur="500" id="17"/>
                                        <p:tgtEl>
                                          <p:spTgt spid="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6"/>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3" name="TextBox 2">
            <a:extLst>
              <a:ext uri="{FF2B5EF4-FFF2-40B4-BE49-F238E27FC236}">
                <a16:creationId xmlns:a16="http://schemas.microsoft.com/office/drawing/2014/main" id="{A0898662-EF90-DB99-BF46-8A45F46823F1}"/>
              </a:ext>
            </a:extLst>
          </p:cNvPr>
          <p:cNvSpPr txBox="1"/>
          <p:nvPr/>
        </p:nvSpPr>
        <p:spPr>
          <a:xfrm>
            <a:off x="1573658" y="2540233"/>
            <a:ext cx="9071715" cy="615553"/>
          </a:xfrm>
          <a:prstGeom prst="rect">
            <a:avLst/>
          </a:prstGeom>
          <a:noFill/>
        </p:spPr>
        <p:txBody>
          <a:bodyPr bIns="91440" rtlCol="0" tIns="91440" wrap="square">
            <a:spAutoFit/>
          </a:bodyPr>
          <a:lstStyle>
            <a:defPPr>
              <a:defRPr lang="es-ES"/>
            </a:defPPr>
            <a:lvl1pPr algn="ctr">
              <a:buClr>
                <a:srgbClr val="008CCF"/>
              </a:buClr>
              <a:defRPr sz="2800">
                <a:solidFill>
                  <a:schemeClr val="accent2"/>
                </a:solidFill>
              </a:defRPr>
            </a:lvl1pPr>
          </a:lstStyle>
          <a:p txid="1f6a66129ab73384bf33b551080a9628">
            <a:r>
              <a:rPr lang="es-ES">
                <a:solidFill>
                  <a:schemeClr val="tx1"/>
                </a:solidFill>
              </a:rPr>
              <a:t>Première visite de CPN</a:t>
            </a:r>
            <a:r>
              <a:rPr lang="en-NO">
                <a:solidFill>
                  <a:schemeClr val="tx1"/>
                </a:solidFill>
              </a:rPr>
            </a:r>
            <a:r>
              <a:rPr lang="es-ES">
                <a:solidFill>
                  <a:schemeClr val="tx1"/>
                </a:solidFill>
              </a:rPr>
            </a:r>
            <a:r>
              <a:rPr lang="en-NO">
                <a:solidFill>
                  <a:schemeClr val="tx1"/>
                </a:solidFill>
              </a:rPr>
              <a:t> </a:t>
            </a:r>
            <a:r>
              <a:rPr dirty="0" lang="en-NO">
                <a:solidFill>
                  <a:schemeClr val="tx1"/>
                </a:solidFill>
              </a:rPr>
            </a:r>
          </a:p>
        </p:txBody>
      </p:sp>
      <p:sp>
        <p:nvSpPr>
          <p:cNvPr id="7" name="TextBox 6">
            <a:extLst>
              <a:ext uri="{FF2B5EF4-FFF2-40B4-BE49-F238E27FC236}">
                <a16:creationId xmlns:a16="http://schemas.microsoft.com/office/drawing/2014/main" id="{79500947-F3F8-C790-32F6-FBD9E967ADCE}"/>
              </a:ext>
            </a:extLst>
          </p:cNvPr>
          <p:cNvSpPr txBox="1"/>
          <p:nvPr/>
        </p:nvSpPr>
        <p:spPr>
          <a:xfrm>
            <a:off x="1335311" y="1636067"/>
            <a:ext cx="9563100" cy="910827"/>
          </a:xfrm>
          <a:prstGeom prst="rect">
            <a:avLst/>
          </a:prstGeom>
          <a:noFill/>
        </p:spPr>
        <p:txBody>
          <a:bodyPr rtlCol="0" wrap="square">
            <a:spAutoFit/>
          </a:bodyPr>
          <a:lstStyle/>
          <a:p txid="fbda09140c6dc5afd3b7b93a1fb8d9dd">
            <a:pPr algn="l" indent="-457200" marL="457200">
              <a:lnSpc>
                <a:spcPts val="3300"/>
              </a:lnSpc>
              <a:buClr>
                <a:srgbClr val="008CCF"/>
              </a:buClr>
              <a:buFont typeface="+mj-lt"/>
              <a:buAutoNum type="arabicPeriod"/>
            </a:pPr>
            <a:r>
              <a:rPr lang="es-ES" sz="2400">
                <a:latin typeface="+mj-lt"/>
              </a:rPr>
              <a:t> Exclure les informations inutiles </a:t>
            </a:r>
            <a:r>
              <a:rPr lang="es-ES" sz="2400"/>
            </a:r>
          </a:p>
          <a:p txid="0dca51a95dcd02f1d385e9290464ac35">
            <a:pPr algn="l" indent="-457200" marL="457200">
              <a:lnSpc>
                <a:spcPts val="3300"/>
              </a:lnSpc>
              <a:buClr>
                <a:srgbClr val="008CCF"/>
              </a:buClr>
              <a:buFont typeface="+mj-lt"/>
              <a:buAutoNum type="arabicPeriod"/>
            </a:pPr>
            <a:r>
              <a:rPr lang="es-ES" sz="2400"/>
              <a:t> Placez les  informations clés au début du nom</a:t>
            </a:r>
            <a:r>
              <a:rPr lang="es-ES" sz="2400">
                <a:latin typeface="+mj-lt"/>
              </a:rPr>
            </a:r>
          </a:p>
        </p:txBody>
      </p:sp>
      <p:sp>
        <p:nvSpPr>
          <p:cNvPr id="4" name="Rectangle: Rounded Corners 3">
            <a:extLst>
              <a:ext uri="{FF2B5EF4-FFF2-40B4-BE49-F238E27FC236}">
                <a16:creationId xmlns:a16="http://schemas.microsoft.com/office/drawing/2014/main" id="{7543FE73-FF04-2DB3-10DC-A71D3B643002}"/>
              </a:ext>
            </a:extLst>
          </p:cNvPr>
          <p:cNvSpPr/>
          <p:nvPr/>
        </p:nvSpPr>
        <p:spPr>
          <a:xfrm>
            <a:off x="1792514" y="3091543"/>
            <a:ext cx="2997200"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a54b6d384f19dc1c487bc8b959be861a">
            <a:pPr algn="ctr"/>
            <a:r>
              <a:rPr lang="es-ES" sz="2400"/>
              <a:t>Éléments de données</a:t>
            </a:r>
          </a:p>
        </p:txBody>
      </p:sp>
      <p:sp>
        <p:nvSpPr>
          <p:cNvPr id="9" name="TextBox 8">
            <a:extLst>
              <a:ext uri="{FF2B5EF4-FFF2-40B4-BE49-F238E27FC236}">
                <a16:creationId xmlns:a16="http://schemas.microsoft.com/office/drawing/2014/main" id="{0AF5EAAC-8B75-4716-EF5A-06FD3B4F9C52}"/>
              </a:ext>
            </a:extLst>
          </p:cNvPr>
          <p:cNvSpPr txBox="1"/>
          <p:nvPr/>
        </p:nvSpPr>
        <p:spPr>
          <a:xfrm>
            <a:off x="1727200" y="3751946"/>
            <a:ext cx="3214914" cy="2247731"/>
          </a:xfrm>
          <a:prstGeom prst="rect">
            <a:avLst/>
          </a:prstGeom>
          <a:noFill/>
        </p:spPr>
        <p:txBody>
          <a:bodyPr rtlCol="0" wrap="square">
            <a:spAutoFit/>
          </a:bodyPr>
          <a:lstStyle/>
          <a:p txid="85f413bc9523201a35b04b663d92b529">
            <a:pPr algn="l" indent="-342900" marL="342900">
              <a:lnSpc>
                <a:spcPct val="150000"/>
              </a:lnSpc>
              <a:buClr>
                <a:srgbClr val="008CCF"/>
              </a:buClr>
              <a:buFont charset="-79" pitchFamily="2" typeface="Rubik"/>
              <a:buChar char="•"/>
            </a:pPr>
            <a:r>
              <a:rPr lang="es-ES" sz="2400"/>
              <a:t>Première visite de CPN</a:t>
            </a:r>
          </a:p>
          <a:p txid="bf9f02f0ebb977d2df573946b9252ea9">
            <a:pPr algn="l" indent="-342900" marL="342900">
              <a:lnSpc>
                <a:spcPct val="150000"/>
              </a:lnSpc>
              <a:buClr>
                <a:srgbClr val="008CCF"/>
              </a:buClr>
              <a:buFont charset="-79" pitchFamily="2" typeface="Rubik"/>
              <a:buChar char="•"/>
            </a:pPr>
            <a:r>
              <a:rPr lang="es-ES" sz="2400"/>
              <a:t>Deuxième visite de CPN</a:t>
            </a:r>
          </a:p>
          <a:p txid="8f67c404dc122db7645960d72209c6ba">
            <a:pPr algn="l" indent="-342900" marL="342900">
              <a:lnSpc>
                <a:spcPct val="150000"/>
              </a:lnSpc>
              <a:buClr>
                <a:srgbClr val="008CCF"/>
              </a:buClr>
              <a:buFont charset="-79" pitchFamily="2" typeface="Rubik"/>
              <a:buChar char="•"/>
            </a:pPr>
            <a:r>
              <a:rPr lang="es-ES" sz="2400"/>
              <a:t>Troisième visite de CPN</a:t>
            </a:r>
          </a:p>
          <a:p txid="a6993fff3a12ab4731704ad110aedc15">
            <a:pPr algn="l" indent="-342900" marL="342900">
              <a:lnSpc>
                <a:spcPct val="150000"/>
              </a:lnSpc>
              <a:buClr>
                <a:srgbClr val="008CCF"/>
              </a:buClr>
              <a:buFont charset="-79" pitchFamily="2" typeface="Rubik"/>
              <a:buChar char="•"/>
            </a:pPr>
            <a:r>
              <a:rPr lang="es-ES" sz="2400"/>
              <a:t>Quatrième visite de CPN</a:t>
            </a:r>
          </a:p>
        </p:txBody>
      </p:sp>
      <p:sp>
        <p:nvSpPr>
          <p:cNvPr id="10" name="Rectangle: Rounded Corners 9">
            <a:extLst>
              <a:ext uri="{FF2B5EF4-FFF2-40B4-BE49-F238E27FC236}">
                <a16:creationId xmlns:a16="http://schemas.microsoft.com/office/drawing/2014/main" id="{725A87E1-D3CB-1817-5C59-5829DF1B6EE7}"/>
              </a:ext>
            </a:extLst>
          </p:cNvPr>
          <p:cNvSpPr/>
          <p:nvPr/>
        </p:nvSpPr>
        <p:spPr>
          <a:xfrm>
            <a:off x="6945086" y="3091543"/>
            <a:ext cx="2997200"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lIns="0" rIns="0" rtlCol="0"/>
          <a:lstStyle/>
          <a:p txid="2140729fc4d752a43c8ddf11dd5787a7">
            <a:pPr algn="ctr"/>
            <a:r>
              <a:rPr lang="es-ES" sz="2400"/>
              <a:t>Appliqué à DHIS2</a:t>
            </a:r>
          </a:p>
        </p:txBody>
      </p:sp>
      <p:sp>
        <p:nvSpPr>
          <p:cNvPr id="11" name="TextBox 10">
            <a:extLst>
              <a:ext uri="{FF2B5EF4-FFF2-40B4-BE49-F238E27FC236}">
                <a16:creationId xmlns:a16="http://schemas.microsoft.com/office/drawing/2014/main" id="{7B504FC1-5DBC-3800-5586-BB6B70A824A5}"/>
              </a:ext>
            </a:extLst>
          </p:cNvPr>
          <p:cNvSpPr txBox="1"/>
          <p:nvPr/>
        </p:nvSpPr>
        <p:spPr>
          <a:xfrm>
            <a:off x="6945086" y="3751946"/>
            <a:ext cx="3214914" cy="2247731"/>
          </a:xfrm>
          <a:prstGeom prst="rect">
            <a:avLst/>
          </a:prstGeom>
          <a:noFill/>
        </p:spPr>
        <p:txBody>
          <a:bodyPr rtlCol="0" wrap="square">
            <a:spAutoFit/>
          </a:bodyPr>
          <a:lstStyle/>
          <a:p txid="85f413bc9523201a35b04b663d92b529">
            <a:pPr algn="l" indent="-342900" marL="342900">
              <a:lnSpc>
                <a:spcPct val="150000"/>
              </a:lnSpc>
              <a:buClr>
                <a:srgbClr val="008CCF"/>
              </a:buClr>
              <a:buFont charset="-79" pitchFamily="2" typeface="Rubik"/>
              <a:buChar char="•"/>
            </a:pPr>
            <a:r>
              <a:rPr lang="es-ES" sz="2400"/>
              <a:t>Première visite de CPN</a:t>
            </a:r>
          </a:p>
          <a:p txid="a6993fff3a12ab4731704ad110aedc15">
            <a:pPr algn="l" indent="-342900" marL="342900">
              <a:lnSpc>
                <a:spcPct val="150000"/>
              </a:lnSpc>
              <a:buClr>
                <a:srgbClr val="008CCF"/>
              </a:buClr>
              <a:buFont charset="-79" pitchFamily="2" typeface="Rubik"/>
              <a:buChar char="•"/>
            </a:pPr>
            <a:r>
              <a:rPr lang="es-ES" sz="2400"/>
              <a:t>Quatrième visite de CPN</a:t>
            </a:r>
          </a:p>
          <a:p txid="bf9f02f0ebb977d2df573946b9252ea9">
            <a:pPr algn="l" indent="-342900" marL="342900">
              <a:lnSpc>
                <a:spcPct val="150000"/>
              </a:lnSpc>
              <a:buClr>
                <a:srgbClr val="008CCF"/>
              </a:buClr>
              <a:buFont charset="-79" pitchFamily="2" typeface="Rubik"/>
              <a:buChar char="•"/>
            </a:pPr>
            <a:r>
              <a:rPr lang="es-ES" sz="2400"/>
              <a:t>Deuxième visite de CPN</a:t>
            </a:r>
          </a:p>
          <a:p txid="8f67c404dc122db7645960d72209c6ba">
            <a:pPr algn="l" indent="-342900" marL="342900">
              <a:lnSpc>
                <a:spcPct val="150000"/>
              </a:lnSpc>
              <a:buClr>
                <a:srgbClr val="008CCF"/>
              </a:buClr>
              <a:buFont charset="-79" pitchFamily="2" typeface="Rubik"/>
              <a:buChar char="•"/>
            </a:pPr>
            <a:r>
              <a:rPr lang="es-ES" sz="2400"/>
              <a:t>Troisième visite de CPN</a:t>
            </a:r>
          </a:p>
        </p:txBody>
      </p:sp>
    </p:spTree>
    <p:custDataLst>
      <p:tags r:id="rId1"/>
    </p:custDataLst>
    <p:extLst>
      <p:ext uri="{BB962C8B-B14F-4D97-AF65-F5344CB8AC3E}">
        <p14:creationId xmlns:p14="http://schemas.microsoft.com/office/powerpoint/2010/main" val="878189302"/>
      </p:ext>
    </p:extLst>
  </p:cSld>
  <p:clrMapOvr>
    <a:masterClrMapping/>
  </p:clrMapOvr>
  <mc:AlternateContent xmlns:mc="http://schemas.openxmlformats.org/markup-compatibility/2006" xmlns:p159="http://schemas.microsoft.com/office/powerpoint/2015/09/main">
    <mc:Choice Requires="p159">
      <p:transition advTm="35664" spd="med">
        <p159:morph option="byObject"/>
      </p:transition>
    </mc:Choice>
    <mc:Fallback xmlns="">
      <p:transition advTm="35664" spd="med">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9">
                                            <p:txEl>
                                              <p:pRg end="0" st="0"/>
                                            </p:txEl>
                                          </p:spTgt>
                                        </p:tgtEl>
                                        <p:attrNameLst>
                                          <p:attrName>style.visibility</p:attrName>
                                        </p:attrNameLst>
                                      </p:cBhvr>
                                      <p:to>
                                        <p:strVal val="visible"/>
                                      </p:to>
                                    </p:set>
                                    <p:animEffect filter="fade" transition="in">
                                      <p:cBhvr>
                                        <p:cTn dur="500" id="12"/>
                                        <p:tgtEl>
                                          <p:spTgt spid="9">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9">
                                            <p:txEl>
                                              <p:pRg end="1" st="1"/>
                                            </p:txEl>
                                          </p:spTgt>
                                        </p:tgtEl>
                                        <p:attrNameLst>
                                          <p:attrName>style.visibility</p:attrName>
                                        </p:attrNameLst>
                                      </p:cBhvr>
                                      <p:to>
                                        <p:strVal val="visible"/>
                                      </p:to>
                                    </p:set>
                                    <p:animEffect filter="fade" transition="in">
                                      <p:cBhvr>
                                        <p:cTn dur="500" id="17"/>
                                        <p:tgtEl>
                                          <p:spTgt spid="9">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9">
                                            <p:txEl>
                                              <p:pRg end="2" st="2"/>
                                            </p:txEl>
                                          </p:spTgt>
                                        </p:tgtEl>
                                        <p:attrNameLst>
                                          <p:attrName>style.visibility</p:attrName>
                                        </p:attrNameLst>
                                      </p:cBhvr>
                                      <p:to>
                                        <p:strVal val="visible"/>
                                      </p:to>
                                    </p:set>
                                    <p:animEffect filter="fade" transition="in">
                                      <p:cBhvr>
                                        <p:cTn dur="500" id="22"/>
                                        <p:tgtEl>
                                          <p:spTgt spid="9">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9">
                                            <p:txEl>
                                              <p:pRg end="3" st="3"/>
                                            </p:txEl>
                                          </p:spTgt>
                                        </p:tgtEl>
                                        <p:attrNameLst>
                                          <p:attrName>style.visibility</p:attrName>
                                        </p:attrNameLst>
                                      </p:cBhvr>
                                      <p:to>
                                        <p:strVal val="visible"/>
                                      </p:to>
                                    </p:set>
                                    <p:animEffect filter="fade" transition="in">
                                      <p:cBhvr>
                                        <p:cTn dur="500" id="27"/>
                                        <p:tgtEl>
                                          <p:spTgt spid="9">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10"/>
                                        </p:tgtEl>
                                        <p:attrNameLst>
                                          <p:attrName>style.visibility</p:attrName>
                                        </p:attrNameLst>
                                      </p:cBhvr>
                                      <p:to>
                                        <p:strVal val="visible"/>
                                      </p:to>
                                    </p:set>
                                    <p:animEffect filter="fade" transition="in">
                                      <p:cBhvr>
                                        <p:cTn dur="500" id="32"/>
                                        <p:tgtEl>
                                          <p:spTgt spid="10"/>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11">
                                            <p:txEl>
                                              <p:pRg end="0" st="0"/>
                                            </p:txEl>
                                          </p:spTgt>
                                        </p:tgtEl>
                                        <p:attrNameLst>
                                          <p:attrName>style.visibility</p:attrName>
                                        </p:attrNameLst>
                                      </p:cBhvr>
                                      <p:to>
                                        <p:strVal val="visible"/>
                                      </p:to>
                                    </p:set>
                                    <p:animEffect filter="fade" transition="in">
                                      <p:cBhvr>
                                        <p:cTn dur="500" id="37"/>
                                        <p:tgtEl>
                                          <p:spTgt spid="11">
                                            <p:txEl>
                                              <p:pRg end="0" st="0"/>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11">
                                            <p:txEl>
                                              <p:pRg end="1" st="1"/>
                                            </p:txEl>
                                          </p:spTgt>
                                        </p:tgtEl>
                                        <p:attrNameLst>
                                          <p:attrName>style.visibility</p:attrName>
                                        </p:attrNameLst>
                                      </p:cBhvr>
                                      <p:to>
                                        <p:strVal val="visible"/>
                                      </p:to>
                                    </p:set>
                                    <p:animEffect filter="fade" transition="in">
                                      <p:cBhvr>
                                        <p:cTn dur="500" id="42"/>
                                        <p:tgtEl>
                                          <p:spTgt spid="11">
                                            <p:txEl>
                                              <p:pRg end="1" st="1"/>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11">
                                            <p:txEl>
                                              <p:pRg end="2" st="2"/>
                                            </p:txEl>
                                          </p:spTgt>
                                        </p:tgtEl>
                                        <p:attrNameLst>
                                          <p:attrName>style.visibility</p:attrName>
                                        </p:attrNameLst>
                                      </p:cBhvr>
                                      <p:to>
                                        <p:strVal val="visible"/>
                                      </p:to>
                                    </p:set>
                                    <p:animEffect filter="fade" transition="in">
                                      <p:cBhvr>
                                        <p:cTn dur="500" id="47"/>
                                        <p:tgtEl>
                                          <p:spTgt spid="11">
                                            <p:txEl>
                                              <p:pRg end="2" st="2"/>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11">
                                            <p:txEl>
                                              <p:pRg end="3" st="3"/>
                                            </p:txEl>
                                          </p:spTgt>
                                        </p:tgtEl>
                                        <p:attrNameLst>
                                          <p:attrName>style.visibility</p:attrName>
                                        </p:attrNameLst>
                                      </p:cBhvr>
                                      <p:to>
                                        <p:strVal val="visible"/>
                                      </p:to>
                                    </p:set>
                                    <p:animEffect filter="fade" transition="in">
                                      <p:cBhvr>
                                        <p:cTn dur="500" id="52"/>
                                        <p:tgtEl>
                                          <p:spTgt spid="11">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build="p" grpId="0" spid="9" uiExpand="1"/>
      <p:bldP animBg="1" grpId="0" spid="10"/>
      <p:bldP build="p" grpId="0" spid="11" uiExpand="1"/>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2" name="Group 21">
            <a:extLst>
              <a:ext uri="{FF2B5EF4-FFF2-40B4-BE49-F238E27FC236}">
                <a16:creationId xmlns:a16="http://schemas.microsoft.com/office/drawing/2014/main" id="{02C54ABF-86E6-CDEA-9709-8F3BF32F76BB}"/>
              </a:ext>
            </a:extLst>
          </p:cNvPr>
          <p:cNvGrpSpPr/>
          <p:nvPr/>
        </p:nvGrpSpPr>
        <p:grpSpPr>
          <a:xfrm>
            <a:off x="3255215" y="1516566"/>
            <a:ext cx="5573040" cy="3348806"/>
            <a:chOff x="2603386" y="1817914"/>
            <a:chExt cx="6985227" cy="4197380"/>
          </a:xfrm>
        </p:grpSpPr>
        <p:sp>
          <p:nvSpPr>
            <p:cNvPr id="17" name="Freeform: Shape 16">
              <a:extLst>
                <a:ext uri="{FF2B5EF4-FFF2-40B4-BE49-F238E27FC236}">
                  <a16:creationId xmlns:a16="http://schemas.microsoft.com/office/drawing/2014/main" id="{F36DC8DF-5718-D206-DD1D-675C1F4968CD}"/>
                </a:ext>
              </a:extLst>
            </p:cNvPr>
            <p:cNvSpPr/>
            <p:nvPr/>
          </p:nvSpPr>
          <p:spPr>
            <a:xfrm>
              <a:off x="3274483" y="1817914"/>
              <a:ext cx="5612348" cy="3840720"/>
            </a:xfrm>
            <a:custGeom>
              <a:avLst/>
              <a:gdLst>
                <a:gd fmla="*/ 102097 w 5612348" name="connsiteX0"/>
                <a:gd fmla="*/ 0 h 3840720" name="connsiteY0"/>
                <a:gd fmla="*/ 5510252 w 5612348" name="connsiteX1"/>
                <a:gd fmla="*/ 0 h 3840720" name="connsiteY1"/>
                <a:gd fmla="*/ 5612348 w 5612348" name="connsiteX2"/>
                <a:gd fmla="*/ 102097 h 3840720" name="connsiteY2"/>
                <a:gd fmla="*/ 5612348 w 5612348" name="connsiteX3"/>
                <a:gd fmla="*/ 3738624 h 3840720" name="connsiteY3"/>
                <a:gd fmla="*/ 5510252 w 5612348" name="connsiteX4"/>
                <a:gd fmla="*/ 3840721 h 3840720" name="connsiteY4"/>
                <a:gd fmla="*/ 102097 w 5612348" name="connsiteX5"/>
                <a:gd fmla="*/ 3840721 h 3840720" name="connsiteY5"/>
                <a:gd fmla="*/ 0 w 5612348" name="connsiteX6"/>
                <a:gd fmla="*/ 3738624 h 3840720" name="connsiteY6"/>
                <a:gd fmla="*/ 0 w 5612348" name="connsiteX7"/>
                <a:gd fmla="*/ 102097 h 3840720" name="connsiteY7"/>
                <a:gd fmla="*/ 102097 w 5612348" name="connsiteX8"/>
                <a:gd fmla="*/ 0 h 3840720"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840720" w="5612348">
                  <a:moveTo>
                    <a:pt x="102097" y="0"/>
                  </a:moveTo>
                  <a:lnTo>
                    <a:pt x="5510252" y="0"/>
                  </a:lnTo>
                  <a:cubicBezTo>
                    <a:pt x="5566391" y="0"/>
                    <a:pt x="5612348" y="45957"/>
                    <a:pt x="5612348" y="102097"/>
                  </a:cubicBezTo>
                  <a:lnTo>
                    <a:pt x="5612348" y="3738624"/>
                  </a:lnTo>
                  <a:cubicBezTo>
                    <a:pt x="5612348" y="3794764"/>
                    <a:pt x="5566391" y="3840721"/>
                    <a:pt x="5510252" y="3840721"/>
                  </a:cubicBezTo>
                  <a:lnTo>
                    <a:pt x="102097" y="3840721"/>
                  </a:lnTo>
                  <a:cubicBezTo>
                    <a:pt x="45957" y="3840721"/>
                    <a:pt x="0" y="3794764"/>
                    <a:pt x="0" y="3738624"/>
                  </a:cubicBezTo>
                  <a:lnTo>
                    <a:pt x="0" y="102097"/>
                  </a:lnTo>
                  <a:cubicBezTo>
                    <a:pt x="0" y="45957"/>
                    <a:pt x="45957" y="0"/>
                    <a:pt x="102097" y="0"/>
                  </a:cubicBezTo>
                  <a:close/>
                </a:path>
              </a:pathLst>
            </a:custGeom>
            <a:solidFill>
              <a:srgbClr val="093371"/>
            </a:solidFill>
            <a:ln cap="flat" w="6785">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DBFB7A7A-08A9-91B6-3895-B33B2C8D293C}"/>
                </a:ext>
              </a:extLst>
            </p:cNvPr>
            <p:cNvSpPr/>
            <p:nvPr/>
          </p:nvSpPr>
          <p:spPr>
            <a:xfrm>
              <a:off x="3487706" y="2033308"/>
              <a:ext cx="5220048" cy="3437559"/>
            </a:xfrm>
            <a:custGeom>
              <a:avLst/>
              <a:gdLst>
                <a:gd fmla="*/ 58108 w 5220048" name="connsiteX0"/>
                <a:gd fmla="*/ 0 h 3437559" name="connsiteY0"/>
                <a:gd fmla="*/ 5161940 w 5220048" name="connsiteX1"/>
                <a:gd fmla="*/ 0 h 3437559" name="connsiteY1"/>
                <a:gd fmla="*/ 5220049 w 5220048" name="connsiteX2"/>
                <a:gd fmla="*/ 58584 h 3437559" name="connsiteY2"/>
                <a:gd fmla="*/ 5220049 w 5220048" name="connsiteX3"/>
                <a:gd fmla="*/ 3378976 h 3437559" name="connsiteY3"/>
                <a:gd fmla="*/ 5161940 w 5220048" name="connsiteX4"/>
                <a:gd fmla="*/ 3437560 h 3437559" name="connsiteY4"/>
                <a:gd fmla="*/ 58108 w 5220048" name="connsiteX5"/>
                <a:gd fmla="*/ 3437560 h 3437559" name="connsiteY5"/>
                <a:gd fmla="*/ 0 w 5220048" name="connsiteX6"/>
                <a:gd fmla="*/ 3378976 h 3437559" name="connsiteY6"/>
                <a:gd fmla="*/ 0 w 5220048" name="connsiteX7"/>
                <a:gd fmla="*/ 58584 h 3437559" name="connsiteY7"/>
                <a:gd fmla="*/ 58108 w 5220048" name="connsiteX8"/>
                <a:gd fmla="*/ 0 h 343755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437559" w="5220048">
                  <a:moveTo>
                    <a:pt x="58108" y="0"/>
                  </a:moveTo>
                  <a:lnTo>
                    <a:pt x="5161940" y="0"/>
                  </a:lnTo>
                  <a:cubicBezTo>
                    <a:pt x="5194049" y="0"/>
                    <a:pt x="5220049" y="26203"/>
                    <a:pt x="5220049" y="58584"/>
                  </a:cubicBezTo>
                  <a:lnTo>
                    <a:pt x="5220049" y="3378976"/>
                  </a:lnTo>
                  <a:cubicBezTo>
                    <a:pt x="5220049" y="3411357"/>
                    <a:pt x="5194049" y="3437560"/>
                    <a:pt x="5161940" y="3437560"/>
                  </a:cubicBezTo>
                  <a:lnTo>
                    <a:pt x="58108" y="3437560"/>
                  </a:lnTo>
                  <a:cubicBezTo>
                    <a:pt x="25999" y="3437560"/>
                    <a:pt x="0" y="3411357"/>
                    <a:pt x="0" y="3378976"/>
                  </a:cubicBezTo>
                  <a:lnTo>
                    <a:pt x="0" y="58584"/>
                  </a:lnTo>
                  <a:cubicBezTo>
                    <a:pt x="0" y="26203"/>
                    <a:pt x="25999" y="0"/>
                    <a:pt x="58108" y="0"/>
                  </a:cubicBezTo>
                  <a:close/>
                </a:path>
              </a:pathLst>
            </a:custGeom>
            <a:solidFill>
              <a:srgbClr val="FFFFFF"/>
            </a:solidFill>
            <a:ln cap="flat" w="6785">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BAF04EFE-7F4E-1234-7FB6-85AEB6DB0571}"/>
                </a:ext>
              </a:extLst>
            </p:cNvPr>
            <p:cNvSpPr/>
            <p:nvPr/>
          </p:nvSpPr>
          <p:spPr>
            <a:xfrm rot="21573000">
              <a:off x="6037812" y="1881489"/>
              <a:ext cx="87434" cy="87434"/>
            </a:xfrm>
            <a:custGeom>
              <a:avLst/>
              <a:gdLst>
                <a:gd fmla="*/ 87434 w 87434" name="connsiteX0"/>
                <a:gd fmla="*/ 43717 h 87434" name="connsiteY0"/>
                <a:gd fmla="*/ 43717 w 87434" name="connsiteX1"/>
                <a:gd fmla="*/ 87434 h 87434" name="connsiteY1"/>
                <a:gd fmla="*/ 0 w 87434" name="connsiteX2"/>
                <a:gd fmla="*/ 43717 h 87434" name="connsiteY2"/>
                <a:gd fmla="*/ 43717 w 87434" name="connsiteX3"/>
                <a:gd fmla="*/ 0 h 87434" name="connsiteY3"/>
                <a:gd fmla="*/ 87434 w 87434" name="connsiteX4"/>
                <a:gd fmla="*/ 43717 h 874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87434" w="87434">
                  <a:moveTo>
                    <a:pt x="87434" y="43717"/>
                  </a:moveTo>
                  <a:cubicBezTo>
                    <a:pt x="87434" y="67861"/>
                    <a:pt x="67861" y="87434"/>
                    <a:pt x="43717" y="87434"/>
                  </a:cubicBezTo>
                  <a:cubicBezTo>
                    <a:pt x="19573" y="87434"/>
                    <a:pt x="0" y="67861"/>
                    <a:pt x="0" y="43717"/>
                  </a:cubicBezTo>
                  <a:cubicBezTo>
                    <a:pt x="0" y="19573"/>
                    <a:pt x="19573" y="0"/>
                    <a:pt x="43717" y="0"/>
                  </a:cubicBezTo>
                  <a:cubicBezTo>
                    <a:pt x="67861" y="0"/>
                    <a:pt x="87434" y="19573"/>
                    <a:pt x="87434" y="43717"/>
                  </a:cubicBezTo>
                  <a:close/>
                </a:path>
              </a:pathLst>
            </a:custGeom>
            <a:solidFill>
              <a:srgbClr val="FF8F02"/>
            </a:solidFill>
            <a:ln cap="flat" w="678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602702CD-CC6D-1D31-F12E-6ADEF437DBF2}"/>
                </a:ext>
              </a:extLst>
            </p:cNvPr>
            <p:cNvSpPr/>
            <p:nvPr/>
          </p:nvSpPr>
          <p:spPr>
            <a:xfrm>
              <a:off x="2603386" y="5775258"/>
              <a:ext cx="6985227" cy="240036"/>
            </a:xfrm>
            <a:custGeom>
              <a:avLst/>
              <a:gdLst>
                <a:gd fmla="*/ 6982241 w 6985227" name="connsiteX0"/>
                <a:gd fmla="*/ 0 h 240036" name="connsiteY0"/>
                <a:gd fmla="*/ 3990337 w 6985227" name="connsiteX1"/>
                <a:gd fmla="*/ 0 h 240036" name="connsiteY1"/>
                <a:gd fmla="*/ 3922656 w 6985227" name="connsiteX2"/>
                <a:gd fmla="*/ 109089 h 240036" name="connsiteY2"/>
                <a:gd fmla="*/ 3055918 w 6985227" name="connsiteX3"/>
                <a:gd fmla="*/ 109089 h 240036" name="connsiteY3"/>
                <a:gd fmla="*/ 2988238 w 6985227" name="connsiteX4"/>
                <a:gd fmla="*/ 0 h 240036" name="connsiteY4"/>
                <a:gd fmla="*/ 2987 w 6985227" name="connsiteX5"/>
                <a:gd fmla="*/ 0 h 240036" name="connsiteY5"/>
                <a:gd fmla="*/ 0 w 6985227" name="connsiteX6"/>
                <a:gd fmla="*/ 5974 h 240036" name="connsiteY6"/>
                <a:gd fmla="*/ 396101 w 6985227" name="connsiteX7"/>
                <a:gd fmla="*/ 240036 h 240036" name="connsiteY7"/>
                <a:gd fmla="*/ 6589126 w 6985227" name="connsiteX8"/>
                <a:gd fmla="*/ 240036 h 240036" name="connsiteY8"/>
                <a:gd fmla="*/ 6985227 w 6985227" name="connsiteX9"/>
                <a:gd fmla="*/ 5974 h 240036" name="connsiteY9"/>
                <a:gd fmla="*/ 6982241 w 6985227" name="connsiteX10"/>
                <a:gd fmla="*/ 0 h 240036"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240036" w="6985227">
                  <a:moveTo>
                    <a:pt x="6982241" y="0"/>
                  </a:moveTo>
                  <a:lnTo>
                    <a:pt x="3990337" y="0"/>
                  </a:lnTo>
                  <a:cubicBezTo>
                    <a:pt x="3988979" y="71685"/>
                    <a:pt x="3959110" y="109089"/>
                    <a:pt x="3922656" y="109089"/>
                  </a:cubicBezTo>
                  <a:lnTo>
                    <a:pt x="3055918" y="109089"/>
                  </a:lnTo>
                  <a:cubicBezTo>
                    <a:pt x="3019465" y="109089"/>
                    <a:pt x="2989528" y="71617"/>
                    <a:pt x="2988238" y="0"/>
                  </a:cubicBezTo>
                  <a:lnTo>
                    <a:pt x="2987" y="0"/>
                  </a:lnTo>
                  <a:cubicBezTo>
                    <a:pt x="1358" y="0"/>
                    <a:pt x="0" y="2715"/>
                    <a:pt x="0" y="5974"/>
                  </a:cubicBezTo>
                  <a:cubicBezTo>
                    <a:pt x="0" y="117575"/>
                    <a:pt x="248522" y="215327"/>
                    <a:pt x="396101" y="240036"/>
                  </a:cubicBezTo>
                  <a:lnTo>
                    <a:pt x="6589126" y="240036"/>
                  </a:lnTo>
                  <a:cubicBezTo>
                    <a:pt x="6736705" y="215327"/>
                    <a:pt x="6985227" y="117575"/>
                    <a:pt x="6985227" y="5974"/>
                  </a:cubicBezTo>
                  <a:cubicBezTo>
                    <a:pt x="6985227" y="2715"/>
                    <a:pt x="6983870" y="0"/>
                    <a:pt x="6982241" y="0"/>
                  </a:cubicBezTo>
                  <a:close/>
                </a:path>
              </a:pathLst>
            </a:custGeom>
            <a:solidFill>
              <a:srgbClr val="093371"/>
            </a:solidFill>
            <a:ln cap="flat" w="6785">
              <a:noFill/>
              <a:prstDash val="solid"/>
              <a:miter/>
            </a:ln>
          </p:spPr>
          <p:txBody>
            <a:bodyPr anchor="ctr" rtlCol="0"/>
            <a:lstStyle/>
            <a:p>
              <a:endParaRPr lang="es-ES"/>
            </a:p>
          </p:txBody>
        </p:sp>
      </p:grpSp>
      <p:pic>
        <p:nvPicPr>
          <p:cNvPr id="24" name="Picture 23">
            <a:extLst>
              <a:ext uri="{FF2B5EF4-FFF2-40B4-BE49-F238E27FC236}">
                <a16:creationId xmlns:a16="http://schemas.microsoft.com/office/drawing/2014/main" id="{225B8C59-C278-15C4-557D-E115A23CC521}"/>
              </a:ext>
            </a:extLst>
          </p:cNvPr>
          <p:cNvPicPr>
            <a:picLocks noChangeAspect="1"/>
          </p:cNvPicPr>
          <p:nvPr/>
        </p:nvPicPr>
        <p:blipFill>
          <a:blip r:embed="rId4"/>
          <a:stretch>
            <a:fillRect/>
          </a:stretch>
        </p:blipFill>
        <p:spPr>
          <a:xfrm>
            <a:off x="2146497" y="393293"/>
            <a:ext cx="1108718" cy="1615825"/>
          </a:xfrm>
          <a:prstGeom prst="rect">
            <a:avLst/>
          </a:prstGeom>
        </p:spPr>
      </p:pic>
      <p:grpSp>
        <p:nvGrpSpPr>
          <p:cNvPr id="30" name="Group 29">
            <a:extLst>
              <a:ext uri="{FF2B5EF4-FFF2-40B4-BE49-F238E27FC236}">
                <a16:creationId xmlns:a16="http://schemas.microsoft.com/office/drawing/2014/main" id="{FB6D26C8-45EE-0BF7-B01A-A90755337CE5}"/>
              </a:ext>
            </a:extLst>
          </p:cNvPr>
          <p:cNvGrpSpPr/>
          <p:nvPr/>
        </p:nvGrpSpPr>
        <p:grpSpPr>
          <a:xfrm>
            <a:off x="5002989" y="2072066"/>
            <a:ext cx="2186021" cy="2059266"/>
            <a:chOff x="4531194" y="2319337"/>
            <a:chExt cx="3092401" cy="2913090"/>
          </a:xfrm>
        </p:grpSpPr>
        <p:sp>
          <p:nvSpPr>
            <p:cNvPr id="31" name="Freeform: Shape 30">
              <a:extLst>
                <a:ext uri="{FF2B5EF4-FFF2-40B4-BE49-F238E27FC236}">
                  <a16:creationId xmlns:a16="http://schemas.microsoft.com/office/drawing/2014/main" id="{17AD26AF-E4A5-C903-84DC-4EA3E958393A}"/>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96B997B5-CE98-AF7D-5D49-4C39AEEBAD12}"/>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D0B62977-42DB-D9DF-8277-2CA48FA9CB66}"/>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0D8FCE33-89F0-453B-4D89-7D672B10EA4D}"/>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6F008AC-3ED6-8732-4142-1C272D52481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6" name="Freeform: Shape 35">
              <a:extLst>
                <a:ext uri="{FF2B5EF4-FFF2-40B4-BE49-F238E27FC236}">
                  <a16:creationId xmlns:a16="http://schemas.microsoft.com/office/drawing/2014/main" id="{28020658-F5B0-BABB-9878-654172F5E751}"/>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41" name="Freeform: Shape 40">
              <a:extLst>
                <a:ext uri="{FF2B5EF4-FFF2-40B4-BE49-F238E27FC236}">
                  <a16:creationId xmlns:a16="http://schemas.microsoft.com/office/drawing/2014/main" id="{CBBBFEA6-F349-1487-2939-9652669DCB8E}"/>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42" name="Freeform: Shape 41">
              <a:extLst>
                <a:ext uri="{FF2B5EF4-FFF2-40B4-BE49-F238E27FC236}">
                  <a16:creationId xmlns:a16="http://schemas.microsoft.com/office/drawing/2014/main" id="{483C918F-91EC-20DE-A806-860BD9C0C20E}"/>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48726BEF-B0E3-678D-1097-D7A42BCE1233}"/>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F8140F3-B616-944C-082C-B3C4A0A2E1BD}"/>
                </a:ext>
              </a:extLst>
            </p:cNvPr>
            <p:cNvGrpSpPr/>
            <p:nvPr/>
          </p:nvGrpSpPr>
          <p:grpSpPr>
            <a:xfrm>
              <a:off x="4531194" y="3289250"/>
              <a:ext cx="978408" cy="978363"/>
              <a:chOff x="4531194" y="3289250"/>
              <a:chExt cx="978408" cy="978363"/>
            </a:xfrm>
          </p:grpSpPr>
          <p:sp>
            <p:nvSpPr>
              <p:cNvPr id="45" name="Freeform: Shape 44">
                <a:extLst>
                  <a:ext uri="{FF2B5EF4-FFF2-40B4-BE49-F238E27FC236}">
                    <a16:creationId xmlns:a16="http://schemas.microsoft.com/office/drawing/2014/main" id="{0ADDBC8C-C92D-2E07-A9A0-F42B9376BB3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D4F5604A-EEBA-AC14-EA86-31683A49167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7" name="Freeform: Shape 46">
                <a:extLst>
                  <a:ext uri="{FF2B5EF4-FFF2-40B4-BE49-F238E27FC236}">
                    <a16:creationId xmlns:a16="http://schemas.microsoft.com/office/drawing/2014/main" id="{5D41EEE7-5BD6-C26F-646D-D54946396DF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Graphic 25">
            <a:extLst>
              <a:ext uri="{FF2B5EF4-FFF2-40B4-BE49-F238E27FC236}">
                <a16:creationId xmlns:a16="http://schemas.microsoft.com/office/drawing/2014/main" id="{CD1B4425-2FB3-DE20-8499-8F73FE1EEF8C}"/>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8737915" y="579848"/>
            <a:ext cx="1734836" cy="1499560"/>
          </a:xfrm>
          <a:prstGeom prst="rect">
            <a:avLst/>
          </a:prstGeom>
        </p:spPr>
      </p:pic>
      <p:grpSp>
        <p:nvGrpSpPr>
          <p:cNvPr id="49" name="Group 48">
            <a:extLst>
              <a:ext uri="{FF2B5EF4-FFF2-40B4-BE49-F238E27FC236}">
                <a16:creationId xmlns:a16="http://schemas.microsoft.com/office/drawing/2014/main" id="{C94535EA-EA11-D1B8-8C63-F2A598CAF28B}"/>
              </a:ext>
            </a:extLst>
          </p:cNvPr>
          <p:cNvGrpSpPr/>
          <p:nvPr/>
        </p:nvGrpSpPr>
        <p:grpSpPr>
          <a:xfrm>
            <a:off x="9128442" y="2642485"/>
            <a:ext cx="1305039" cy="1613637"/>
            <a:chOff x="9227264" y="2935758"/>
            <a:chExt cx="731520" cy="904500"/>
          </a:xfrm>
        </p:grpSpPr>
        <p:pic>
          <p:nvPicPr>
            <p:cNvPr id="50" name="Graphic 49">
              <a:extLst>
                <a:ext uri="{FF2B5EF4-FFF2-40B4-BE49-F238E27FC236}">
                  <a16:creationId xmlns:a16="http://schemas.microsoft.com/office/drawing/2014/main" id="{3A3F41F7-DA43-63A8-3443-64E9C52CD47D}"/>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9428505" y="3511219"/>
              <a:ext cx="329038" cy="329039"/>
            </a:xfrm>
            <a:prstGeom prst="rect">
              <a:avLst/>
            </a:prstGeom>
          </p:spPr>
        </p:pic>
        <p:cxnSp>
          <p:nvCxnSpPr>
            <p:cNvPr id="51" name="Straight Connector 50">
              <a:extLst>
                <a:ext uri="{FF2B5EF4-FFF2-40B4-BE49-F238E27FC236}">
                  <a16:creationId xmlns:a16="http://schemas.microsoft.com/office/drawing/2014/main" id="{FB8222C1-C201-D739-0078-C919865CAE91}"/>
                </a:ext>
              </a:extLst>
            </p:cNvPr>
            <p:cNvCxnSpPr>
              <a:cxnSpLocks/>
            </p:cNvCxnSpPr>
            <p:nvPr/>
          </p:nvCxnSpPr>
          <p:spPr>
            <a:xfrm>
              <a:off x="9227264" y="3390653"/>
              <a:ext cx="731520" cy="0"/>
            </a:xfrm>
            <a:prstGeom prst="line">
              <a:avLst/>
            </a:prstGeom>
            <a:ln cap="rnd" w="984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pic>
          <p:nvPicPr>
            <p:cNvPr id="52" name="Graphic 51">
              <a:extLst>
                <a:ext uri="{FF2B5EF4-FFF2-40B4-BE49-F238E27FC236}">
                  <a16:creationId xmlns:a16="http://schemas.microsoft.com/office/drawing/2014/main" id="{5E7B324C-43F6-8542-3A34-14CB51C86DC0}"/>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9425860" y="2935758"/>
              <a:ext cx="334329" cy="334329"/>
            </a:xfrm>
            <a:prstGeom prst="rect">
              <a:avLst/>
            </a:prstGeom>
          </p:spPr>
        </p:pic>
      </p:grpSp>
      <p:pic>
        <p:nvPicPr>
          <p:cNvPr id="53" name="Graphic 52">
            <a:extLst>
              <a:ext uri="{FF2B5EF4-FFF2-40B4-BE49-F238E27FC236}">
                <a16:creationId xmlns:a16="http://schemas.microsoft.com/office/drawing/2014/main" id="{0C6A631C-9E43-ED31-AF46-ED5A3866E7B8}"/>
              </a:ext>
            </a:extLst>
          </p:cNvPr>
          <p:cNvPicPr>
            <a:picLocks noChangeAspect="1"/>
          </p:cNvPicPr>
          <p:nvPr/>
        </p:nvPicPr>
        <p:blipFill>
          <a:blip r:embed="rId11">
            <a:extLst>
              <a:ext uri="{96DAC541-7B7A-43D3-8B79-37D633B846F1}">
                <asvg:svgBlip xmlns:asvg="http://schemas.microsoft.com/office/drawing/2016/SVG/main" r:embed="rId12"/>
              </a:ext>
            </a:extLst>
          </a:blip>
          <a:stretch>
            <a:fillRect/>
          </a:stretch>
        </p:blipFill>
        <p:spPr>
          <a:xfrm>
            <a:off x="1501935" y="3070875"/>
            <a:ext cx="1883188" cy="1003888"/>
          </a:xfrm>
          <a:prstGeom prst="rect">
            <a:avLst/>
          </a:prstGeom>
        </p:spPr>
      </p:pic>
    </p:spTree>
    <p:custDataLst>
      <p:tags r:id="rId1"/>
    </p:custDataLst>
    <p:extLst>
      <p:ext uri="{BB962C8B-B14F-4D97-AF65-F5344CB8AC3E}">
        <p14:creationId xmlns:p14="http://schemas.microsoft.com/office/powerpoint/2010/main" val="164683436"/>
      </p:ext>
    </p:extLst>
  </p:cSld>
  <p:clrMapOvr>
    <a:masterClrMapping/>
  </p:clrMapOvr>
  <mc:AlternateContent xmlns:mc="http://schemas.openxmlformats.org/markup-compatibility/2006" xmlns:p14="http://schemas.microsoft.com/office/powerpoint/2010/main">
    <mc:Choice Requires="p14">
      <p:transition advTm="8904" p14:dur="2000" spd="slow"/>
    </mc:Choice>
    <mc:Fallback xmlns="">
      <p:transition advTm="890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22"/>
                                        </p:tgtEl>
                                        <p:attrNameLst>
                                          <p:attrName>style.visibility</p:attrName>
                                        </p:attrNameLst>
                                      </p:cBhvr>
                                      <p:to>
                                        <p:strVal val="visible"/>
                                      </p:to>
                                    </p:set>
                                    <p:anim calcmode="lin" valueType="num">
                                      <p:cBhvr additive="base">
                                        <p:cTn dur="500" fill="hold" id="7"/>
                                        <p:tgtEl>
                                          <p:spTgt spid="22"/>
                                        </p:tgtEl>
                                        <p:attrNameLst>
                                          <p:attrName>ppt_x</p:attrName>
                                        </p:attrNameLst>
                                      </p:cBhvr>
                                      <p:tavLst>
                                        <p:tav tm="0">
                                          <p:val>
                                            <p:strVal val="#ppt_x"/>
                                          </p:val>
                                        </p:tav>
                                        <p:tav tm="100000">
                                          <p:val>
                                            <p:strVal val="#ppt_x"/>
                                          </p:val>
                                        </p:tav>
                                      </p:tavLst>
                                    </p:anim>
                                    <p:anim calcmode="lin" valueType="num">
                                      <p:cBhvr additive="base">
                                        <p:cTn dur="500" fill="hold" id="8"/>
                                        <p:tgtEl>
                                          <p:spTgt spid="22"/>
                                        </p:tgtEl>
                                        <p:attrNameLst>
                                          <p:attrName>ppt_y</p:attrName>
                                        </p:attrNameLst>
                                      </p:cBhvr>
                                      <p:tavLst>
                                        <p:tav tm="0">
                                          <p:val>
                                            <p:strVal val="1+#ppt_h/2"/>
                                          </p:val>
                                        </p:tav>
                                        <p:tav tm="100000">
                                          <p:val>
                                            <p:strVal val="#ppt_y"/>
                                          </p:val>
                                        </p:tav>
                                      </p:tavLst>
                                    </p:anim>
                                  </p:childTnLst>
                                </p:cTn>
                              </p:par>
                            </p:childTnLst>
                          </p:cTn>
                        </p:par>
                        <p:par>
                          <p:cTn fill="hold" id="9">
                            <p:stCondLst>
                              <p:cond delay="500"/>
                            </p:stCondLst>
                            <p:childTnLst>
                              <p:par>
                                <p:cTn fill="hold" id="10" nodeType="after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par>
                          <p:cTn fill="hold" id="13">
                            <p:stCondLst>
                              <p:cond delay="1000"/>
                            </p:stCondLst>
                            <p:childTnLst>
                              <p:par>
                                <p:cTn fill="hold" id="14" nodeType="afterEffect" presetClass="entr" presetID="53" presetSubtype="528">
                                  <p:stCondLst>
                                    <p:cond delay="0"/>
                                  </p:stCondLst>
                                  <p:childTnLst>
                                    <p:set>
                                      <p:cBhvr>
                                        <p:cTn dur="1" fill="hold" id="15">
                                          <p:stCondLst>
                                            <p:cond delay="0"/>
                                          </p:stCondLst>
                                        </p:cTn>
                                        <p:tgtEl>
                                          <p:spTgt spid="26"/>
                                        </p:tgtEl>
                                        <p:attrNameLst>
                                          <p:attrName>style.visibility</p:attrName>
                                        </p:attrNameLst>
                                      </p:cBhvr>
                                      <p:to>
                                        <p:strVal val="visible"/>
                                      </p:to>
                                    </p:set>
                                    <p:anim calcmode="lin" valueType="num">
                                      <p:cBhvr>
                                        <p:cTn dur="500" fill="hold" id="16"/>
                                        <p:tgtEl>
                                          <p:spTgt spid="26"/>
                                        </p:tgtEl>
                                        <p:attrNameLst>
                                          <p:attrName>ppt_w</p:attrName>
                                        </p:attrNameLst>
                                      </p:cBhvr>
                                      <p:tavLst>
                                        <p:tav tm="0">
                                          <p:val>
                                            <p:fltVal val="0"/>
                                          </p:val>
                                        </p:tav>
                                        <p:tav tm="100000">
                                          <p:val>
                                            <p:strVal val="#ppt_w"/>
                                          </p:val>
                                        </p:tav>
                                      </p:tavLst>
                                    </p:anim>
                                    <p:anim calcmode="lin" valueType="num">
                                      <p:cBhvr>
                                        <p:cTn dur="500" fill="hold" id="17"/>
                                        <p:tgtEl>
                                          <p:spTgt spid="26"/>
                                        </p:tgtEl>
                                        <p:attrNameLst>
                                          <p:attrName>ppt_h</p:attrName>
                                        </p:attrNameLst>
                                      </p:cBhvr>
                                      <p:tavLst>
                                        <p:tav tm="0">
                                          <p:val>
                                            <p:fltVal val="0"/>
                                          </p:val>
                                        </p:tav>
                                        <p:tav tm="100000">
                                          <p:val>
                                            <p:strVal val="#ppt_h"/>
                                          </p:val>
                                        </p:tav>
                                      </p:tavLst>
                                    </p:anim>
                                    <p:animEffect filter="fade" transition="in">
                                      <p:cBhvr>
                                        <p:cTn dur="500" id="18"/>
                                        <p:tgtEl>
                                          <p:spTgt spid="26"/>
                                        </p:tgtEl>
                                      </p:cBhvr>
                                    </p:animEffect>
                                    <p:anim calcmode="lin" valueType="num">
                                      <p:cBhvr>
                                        <p:cTn dur="500" fill="hold" id="19"/>
                                        <p:tgtEl>
                                          <p:spTgt spid="26"/>
                                        </p:tgtEl>
                                        <p:attrNameLst>
                                          <p:attrName>ppt_x</p:attrName>
                                        </p:attrNameLst>
                                      </p:cBhvr>
                                      <p:tavLst>
                                        <p:tav tm="0">
                                          <p:val>
                                            <p:fltVal val="0.5"/>
                                          </p:val>
                                        </p:tav>
                                        <p:tav tm="100000">
                                          <p:val>
                                            <p:strVal val="#ppt_x"/>
                                          </p:val>
                                        </p:tav>
                                      </p:tavLst>
                                    </p:anim>
                                    <p:anim calcmode="lin" valueType="num">
                                      <p:cBhvr>
                                        <p:cTn dur="500" fill="hold" id="20"/>
                                        <p:tgtEl>
                                          <p:spTgt spid="26"/>
                                        </p:tgtEl>
                                        <p:attrNameLst>
                                          <p:attrName>ppt_y</p:attrName>
                                        </p:attrNameLst>
                                      </p:cBhvr>
                                      <p:tavLst>
                                        <p:tav tm="0">
                                          <p:val>
                                            <p:fltVal val="0.5"/>
                                          </p:val>
                                        </p:tav>
                                        <p:tav tm="100000">
                                          <p:val>
                                            <p:strVal val="#ppt_y"/>
                                          </p:val>
                                        </p:tav>
                                      </p:tavLst>
                                    </p:anim>
                                  </p:childTnLst>
                                </p:cTn>
                              </p:par>
                            </p:childTnLst>
                          </p:cTn>
                        </p:par>
                        <p:par>
                          <p:cTn fill="hold" id="21">
                            <p:stCondLst>
                              <p:cond delay="1500"/>
                            </p:stCondLst>
                            <p:childTnLst>
                              <p:par>
                                <p:cTn fill="hold" id="22" nodeType="afterEffect" presetClass="entr" presetID="53" presetSubtype="528">
                                  <p:stCondLst>
                                    <p:cond delay="0"/>
                                  </p:stCondLst>
                                  <p:childTnLst>
                                    <p:set>
                                      <p:cBhvr>
                                        <p:cTn dur="1" fill="hold" id="23">
                                          <p:stCondLst>
                                            <p:cond delay="0"/>
                                          </p:stCondLst>
                                        </p:cTn>
                                        <p:tgtEl>
                                          <p:spTgt spid="24"/>
                                        </p:tgtEl>
                                        <p:attrNameLst>
                                          <p:attrName>style.visibility</p:attrName>
                                        </p:attrNameLst>
                                      </p:cBhvr>
                                      <p:to>
                                        <p:strVal val="visible"/>
                                      </p:to>
                                    </p:set>
                                    <p:anim calcmode="lin" valueType="num">
                                      <p:cBhvr>
                                        <p:cTn dur="500" fill="hold" id="24"/>
                                        <p:tgtEl>
                                          <p:spTgt spid="24"/>
                                        </p:tgtEl>
                                        <p:attrNameLst>
                                          <p:attrName>ppt_w</p:attrName>
                                        </p:attrNameLst>
                                      </p:cBhvr>
                                      <p:tavLst>
                                        <p:tav tm="0">
                                          <p:val>
                                            <p:fltVal val="0"/>
                                          </p:val>
                                        </p:tav>
                                        <p:tav tm="100000">
                                          <p:val>
                                            <p:strVal val="#ppt_w"/>
                                          </p:val>
                                        </p:tav>
                                      </p:tavLst>
                                    </p:anim>
                                    <p:anim calcmode="lin" valueType="num">
                                      <p:cBhvr>
                                        <p:cTn dur="500" fill="hold" id="25"/>
                                        <p:tgtEl>
                                          <p:spTgt spid="24"/>
                                        </p:tgtEl>
                                        <p:attrNameLst>
                                          <p:attrName>ppt_h</p:attrName>
                                        </p:attrNameLst>
                                      </p:cBhvr>
                                      <p:tavLst>
                                        <p:tav tm="0">
                                          <p:val>
                                            <p:fltVal val="0"/>
                                          </p:val>
                                        </p:tav>
                                        <p:tav tm="100000">
                                          <p:val>
                                            <p:strVal val="#ppt_h"/>
                                          </p:val>
                                        </p:tav>
                                      </p:tavLst>
                                    </p:anim>
                                    <p:animEffect filter="fade" transition="in">
                                      <p:cBhvr>
                                        <p:cTn dur="500" id="26"/>
                                        <p:tgtEl>
                                          <p:spTgt spid="24"/>
                                        </p:tgtEl>
                                      </p:cBhvr>
                                    </p:animEffect>
                                    <p:anim calcmode="lin" valueType="num">
                                      <p:cBhvr>
                                        <p:cTn dur="500" fill="hold" id="27"/>
                                        <p:tgtEl>
                                          <p:spTgt spid="24"/>
                                        </p:tgtEl>
                                        <p:attrNameLst>
                                          <p:attrName>ppt_x</p:attrName>
                                        </p:attrNameLst>
                                      </p:cBhvr>
                                      <p:tavLst>
                                        <p:tav tm="0">
                                          <p:val>
                                            <p:fltVal val="0.5"/>
                                          </p:val>
                                        </p:tav>
                                        <p:tav tm="100000">
                                          <p:val>
                                            <p:strVal val="#ppt_x"/>
                                          </p:val>
                                        </p:tav>
                                      </p:tavLst>
                                    </p:anim>
                                    <p:anim calcmode="lin" valueType="num">
                                      <p:cBhvr>
                                        <p:cTn dur="500" fill="hold" id="28"/>
                                        <p:tgtEl>
                                          <p:spTgt spid="24"/>
                                        </p:tgtEl>
                                        <p:attrNameLst>
                                          <p:attrName>ppt_y</p:attrName>
                                        </p:attrNameLst>
                                      </p:cBhvr>
                                      <p:tavLst>
                                        <p:tav tm="0">
                                          <p:val>
                                            <p:fltVal val="0.5"/>
                                          </p:val>
                                        </p:tav>
                                        <p:tav tm="100000">
                                          <p:val>
                                            <p:strVal val="#ppt_y"/>
                                          </p:val>
                                        </p:tav>
                                      </p:tavLst>
                                    </p:anim>
                                  </p:childTnLst>
                                </p:cTn>
                              </p:par>
                            </p:childTnLst>
                          </p:cTn>
                        </p:par>
                        <p:par>
                          <p:cTn fill="hold" id="29">
                            <p:stCondLst>
                              <p:cond delay="2000"/>
                            </p:stCondLst>
                            <p:childTnLst>
                              <p:par>
                                <p:cTn fill="hold" id="30" nodeType="afterEffect" presetClass="entr" presetID="53" presetSubtype="528">
                                  <p:stCondLst>
                                    <p:cond delay="0"/>
                                  </p:stCondLst>
                                  <p:childTnLst>
                                    <p:set>
                                      <p:cBhvr>
                                        <p:cTn dur="1" fill="hold" id="31">
                                          <p:stCondLst>
                                            <p:cond delay="0"/>
                                          </p:stCondLst>
                                        </p:cTn>
                                        <p:tgtEl>
                                          <p:spTgt spid="49"/>
                                        </p:tgtEl>
                                        <p:attrNameLst>
                                          <p:attrName>style.visibility</p:attrName>
                                        </p:attrNameLst>
                                      </p:cBhvr>
                                      <p:to>
                                        <p:strVal val="visible"/>
                                      </p:to>
                                    </p:set>
                                    <p:anim calcmode="lin" valueType="num">
                                      <p:cBhvr>
                                        <p:cTn dur="500" fill="hold" id="32"/>
                                        <p:tgtEl>
                                          <p:spTgt spid="49"/>
                                        </p:tgtEl>
                                        <p:attrNameLst>
                                          <p:attrName>ppt_w</p:attrName>
                                        </p:attrNameLst>
                                      </p:cBhvr>
                                      <p:tavLst>
                                        <p:tav tm="0">
                                          <p:val>
                                            <p:fltVal val="0"/>
                                          </p:val>
                                        </p:tav>
                                        <p:tav tm="100000">
                                          <p:val>
                                            <p:strVal val="#ppt_w"/>
                                          </p:val>
                                        </p:tav>
                                      </p:tavLst>
                                    </p:anim>
                                    <p:anim calcmode="lin" valueType="num">
                                      <p:cBhvr>
                                        <p:cTn dur="500" fill="hold" id="33"/>
                                        <p:tgtEl>
                                          <p:spTgt spid="49"/>
                                        </p:tgtEl>
                                        <p:attrNameLst>
                                          <p:attrName>ppt_h</p:attrName>
                                        </p:attrNameLst>
                                      </p:cBhvr>
                                      <p:tavLst>
                                        <p:tav tm="0">
                                          <p:val>
                                            <p:fltVal val="0"/>
                                          </p:val>
                                        </p:tav>
                                        <p:tav tm="100000">
                                          <p:val>
                                            <p:strVal val="#ppt_h"/>
                                          </p:val>
                                        </p:tav>
                                      </p:tavLst>
                                    </p:anim>
                                    <p:animEffect filter="fade" transition="in">
                                      <p:cBhvr>
                                        <p:cTn dur="500" id="34"/>
                                        <p:tgtEl>
                                          <p:spTgt spid="49"/>
                                        </p:tgtEl>
                                      </p:cBhvr>
                                    </p:animEffect>
                                    <p:anim calcmode="lin" valueType="num">
                                      <p:cBhvr>
                                        <p:cTn dur="500" fill="hold" id="35"/>
                                        <p:tgtEl>
                                          <p:spTgt spid="49"/>
                                        </p:tgtEl>
                                        <p:attrNameLst>
                                          <p:attrName>ppt_x</p:attrName>
                                        </p:attrNameLst>
                                      </p:cBhvr>
                                      <p:tavLst>
                                        <p:tav tm="0">
                                          <p:val>
                                            <p:fltVal val="0.5"/>
                                          </p:val>
                                        </p:tav>
                                        <p:tav tm="100000">
                                          <p:val>
                                            <p:strVal val="#ppt_x"/>
                                          </p:val>
                                        </p:tav>
                                      </p:tavLst>
                                    </p:anim>
                                    <p:anim calcmode="lin" valueType="num">
                                      <p:cBhvr>
                                        <p:cTn dur="500" fill="hold" id="36"/>
                                        <p:tgtEl>
                                          <p:spTgt spid="49"/>
                                        </p:tgtEl>
                                        <p:attrNameLst>
                                          <p:attrName>ppt_y</p:attrName>
                                        </p:attrNameLst>
                                      </p:cBhvr>
                                      <p:tavLst>
                                        <p:tav tm="0">
                                          <p:val>
                                            <p:fltVal val="0.5"/>
                                          </p:val>
                                        </p:tav>
                                        <p:tav tm="100000">
                                          <p:val>
                                            <p:strVal val="#ppt_y"/>
                                          </p:val>
                                        </p:tav>
                                      </p:tavLst>
                                    </p:anim>
                                  </p:childTnLst>
                                </p:cTn>
                              </p:par>
                            </p:childTnLst>
                          </p:cTn>
                        </p:par>
                        <p:par>
                          <p:cTn fill="hold" id="37">
                            <p:stCondLst>
                              <p:cond delay="2500"/>
                            </p:stCondLst>
                            <p:childTnLst>
                              <p:par>
                                <p:cTn fill="hold" id="38" nodeType="afterEffect" presetClass="entr" presetID="53" presetSubtype="528">
                                  <p:stCondLst>
                                    <p:cond delay="0"/>
                                  </p:stCondLst>
                                  <p:childTnLst>
                                    <p:set>
                                      <p:cBhvr>
                                        <p:cTn dur="1" fill="hold" id="39">
                                          <p:stCondLst>
                                            <p:cond delay="0"/>
                                          </p:stCondLst>
                                        </p:cTn>
                                        <p:tgtEl>
                                          <p:spTgt spid="53"/>
                                        </p:tgtEl>
                                        <p:attrNameLst>
                                          <p:attrName>style.visibility</p:attrName>
                                        </p:attrNameLst>
                                      </p:cBhvr>
                                      <p:to>
                                        <p:strVal val="visible"/>
                                      </p:to>
                                    </p:set>
                                    <p:anim calcmode="lin" valueType="num">
                                      <p:cBhvr>
                                        <p:cTn dur="500" fill="hold" id="40"/>
                                        <p:tgtEl>
                                          <p:spTgt spid="53"/>
                                        </p:tgtEl>
                                        <p:attrNameLst>
                                          <p:attrName>ppt_w</p:attrName>
                                        </p:attrNameLst>
                                      </p:cBhvr>
                                      <p:tavLst>
                                        <p:tav tm="0">
                                          <p:val>
                                            <p:fltVal val="0"/>
                                          </p:val>
                                        </p:tav>
                                        <p:tav tm="100000">
                                          <p:val>
                                            <p:strVal val="#ppt_w"/>
                                          </p:val>
                                        </p:tav>
                                      </p:tavLst>
                                    </p:anim>
                                    <p:anim calcmode="lin" valueType="num">
                                      <p:cBhvr>
                                        <p:cTn dur="500" fill="hold" id="41"/>
                                        <p:tgtEl>
                                          <p:spTgt spid="53"/>
                                        </p:tgtEl>
                                        <p:attrNameLst>
                                          <p:attrName>ppt_h</p:attrName>
                                        </p:attrNameLst>
                                      </p:cBhvr>
                                      <p:tavLst>
                                        <p:tav tm="0">
                                          <p:val>
                                            <p:fltVal val="0"/>
                                          </p:val>
                                        </p:tav>
                                        <p:tav tm="100000">
                                          <p:val>
                                            <p:strVal val="#ppt_h"/>
                                          </p:val>
                                        </p:tav>
                                      </p:tavLst>
                                    </p:anim>
                                    <p:animEffect filter="fade" transition="in">
                                      <p:cBhvr>
                                        <p:cTn dur="500" id="42"/>
                                        <p:tgtEl>
                                          <p:spTgt spid="53"/>
                                        </p:tgtEl>
                                      </p:cBhvr>
                                    </p:animEffect>
                                    <p:anim calcmode="lin" valueType="num">
                                      <p:cBhvr>
                                        <p:cTn dur="500" fill="hold" id="43"/>
                                        <p:tgtEl>
                                          <p:spTgt spid="53"/>
                                        </p:tgtEl>
                                        <p:attrNameLst>
                                          <p:attrName>ppt_x</p:attrName>
                                        </p:attrNameLst>
                                      </p:cBhvr>
                                      <p:tavLst>
                                        <p:tav tm="0">
                                          <p:val>
                                            <p:fltVal val="0.5"/>
                                          </p:val>
                                        </p:tav>
                                        <p:tav tm="100000">
                                          <p:val>
                                            <p:strVal val="#ppt_x"/>
                                          </p:val>
                                        </p:tav>
                                      </p:tavLst>
                                    </p:anim>
                                    <p:anim calcmode="lin" valueType="num">
                                      <p:cBhvr>
                                        <p:cTn dur="500" fill="hold" id="44"/>
                                        <p:tgtEl>
                                          <p:spTgt spid="53"/>
                                        </p:tgtEl>
                                        <p:attrNameLst>
                                          <p:attrName>ppt_y</p:attrName>
                                        </p:attrNameLst>
                                      </p:cBhvr>
                                      <p:tavLst>
                                        <p:tav tm="0">
                                          <p:val>
                                            <p:fltVal val="0.5"/>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pic>
        <p:nvPicPr>
          <p:cNvPr id="12" name="Picture 2">
            <a:extLst>
              <a:ext uri="{FF2B5EF4-FFF2-40B4-BE49-F238E27FC236}">
                <a16:creationId xmlns:a16="http://schemas.microsoft.com/office/drawing/2014/main" id="{E96D65B5-7530-4144-DF32-F29467A8B5FE}"/>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3097408" y="1295400"/>
            <a:ext cx="6027891" cy="4892201"/>
          </a:xfrm>
          <a:prstGeom prst="rect">
            <a:avLst/>
          </a:prstGeom>
          <a:noFill/>
          <a:extLst>
            <a:ext uri="{909E8E84-426E-40DD-AFC4-6F175D3DCCD1}">
              <a14:hiddenFill xmlns:a14="http://schemas.microsoft.com/office/drawing/2010/main">
                <a:solidFill>
                  <a:srgbClr val="FFFFFF"/>
                </a:solidFill>
              </a14:hiddenFill>
            </a:ext>
          </a:extLst>
        </p:spPr>
      </p:pic>
      <p:sp>
        <p:nvSpPr>
          <p:cNvPr id="13" name="TextBox 12">
            <a:extLst>
              <a:ext uri="{FF2B5EF4-FFF2-40B4-BE49-F238E27FC236}">
                <a16:creationId xmlns:a16="http://schemas.microsoft.com/office/drawing/2014/main" id="{B61C822A-FAD1-6AFE-3CEA-2154C149A53F}"/>
              </a:ext>
            </a:extLst>
          </p:cNvPr>
          <p:cNvSpPr txBox="1"/>
          <p:nvPr/>
        </p:nvSpPr>
        <p:spPr>
          <a:xfrm>
            <a:off x="6215373" y="3647159"/>
            <a:ext cx="2406115" cy="1200329"/>
          </a:xfrm>
          <a:prstGeom prst="rect">
            <a:avLst/>
          </a:prstGeom>
          <a:noFill/>
        </p:spPr>
        <p:txBody>
          <a:bodyPr rtlCol="0" wrap="square">
            <a:spAutoFit/>
          </a:bodyPr>
          <a:lstStyle/>
          <a:p txid="d0b85d0c050c4bcdc691bdb845b81257">
            <a:pPr algn="l">
              <a:buClr>
                <a:srgbClr val="008CCF"/>
              </a:buClr>
            </a:pPr>
            <a:r>
              <a:rPr dirty="0" lang="en-US" sz="2400"/>
              <a:t>Les éléments peuvent être plus difficile à trouver</a:t>
            </a:r>
            <a:r>
              <a:rPr dirty="0" lang="en-NO" sz="2400"/>
            </a:r>
            <a:br>
              <a:rPr dirty="0" lang="en-NO" sz="2400"/>
            </a:br>
            <a:r>
              <a:rPr dirty="0" lang="en-NO" sz="2400"/>
            </a:r>
          </a:p>
        </p:txBody>
      </p:sp>
      <p:sp>
        <p:nvSpPr>
          <p:cNvPr id="14" name="TextBox 13">
            <a:extLst>
              <a:ext uri="{FF2B5EF4-FFF2-40B4-BE49-F238E27FC236}">
                <a16:creationId xmlns:a16="http://schemas.microsoft.com/office/drawing/2014/main" id="{76651806-3499-6EC0-AE85-E7B287B733A2}"/>
              </a:ext>
            </a:extLst>
          </p:cNvPr>
          <p:cNvSpPr txBox="1"/>
          <p:nvPr/>
        </p:nvSpPr>
        <p:spPr>
          <a:xfrm>
            <a:off x="6215373" y="3632462"/>
            <a:ext cx="2406115" cy="1200329"/>
          </a:xfrm>
          <a:prstGeom prst="rect">
            <a:avLst/>
          </a:prstGeom>
          <a:noFill/>
        </p:spPr>
        <p:txBody>
          <a:bodyPr rtlCol="0" wrap="square">
            <a:spAutoFit/>
          </a:bodyPr>
          <a:lstStyle/>
          <a:p txid="fb65cb8a9acf7bbed092a4843db72ed5">
            <a:pPr algn="l">
              <a:buClr>
                <a:srgbClr val="008CCF"/>
              </a:buClr>
            </a:pPr>
            <a:r>
              <a:rPr lang="es-ES" sz="2400"/>
              <a:t>Regrouper les éléments de données connexes</a:t>
            </a:r>
            <a:endParaRPr dirty="0" lang="en-NO" sz="2400"/>
          </a:p>
        </p:txBody>
      </p:sp>
      <p:sp>
        <p:nvSpPr>
          <p:cNvPr id="15" name="Rectangle: Rounded Corners 14">
            <a:extLst>
              <a:ext uri="{FF2B5EF4-FFF2-40B4-BE49-F238E27FC236}">
                <a16:creationId xmlns:a16="http://schemas.microsoft.com/office/drawing/2014/main" id="{E11B3294-D431-699E-45B9-E5A247BE3CF5}"/>
              </a:ext>
            </a:extLst>
          </p:cNvPr>
          <p:cNvSpPr/>
          <p:nvPr/>
        </p:nvSpPr>
        <p:spPr>
          <a:xfrm>
            <a:off x="5919830" y="2927069"/>
            <a:ext cx="2997200"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lIns="0" rIns="0" rtlCol="0"/>
          <a:lstStyle/>
          <a:p txid="25eb23fa7f9c4eccbcd6731853b9cdc7">
            <a:pPr algn="ctr"/>
            <a:r>
              <a:rPr lang="es-ES" sz="2400"/>
              <a:t>Recommandation</a:t>
            </a:r>
          </a:p>
        </p:txBody>
      </p:sp>
    </p:spTree>
    <p:custDataLst>
      <p:tags r:id="rId1"/>
    </p:custDataLst>
    <p:extLst>
      <p:ext uri="{BB962C8B-B14F-4D97-AF65-F5344CB8AC3E}">
        <p14:creationId xmlns:p14="http://schemas.microsoft.com/office/powerpoint/2010/main" val="2325207652"/>
      </p:ext>
    </p:extLst>
  </p:cSld>
  <p:clrMapOvr>
    <a:masterClrMapping/>
  </p:clrMapOvr>
  <mc:AlternateContent xmlns:mc="http://schemas.openxmlformats.org/markup-compatibility/2006" xmlns:p159="http://schemas.microsoft.com/office/powerpoint/2015/09/main">
    <mc:Choice Requires="p159">
      <p:transition advTm="14328" spd="med">
        <p159:morph option="byObject"/>
      </p:transition>
    </mc:Choice>
    <mc:Fallback xmlns="">
      <p:transition advTm="14328" spd="med">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2"/>
                                        </p:tgtEl>
                                        <p:attrNameLst>
                                          <p:attrName>style.visibility</p:attrName>
                                        </p:attrNameLst>
                                      </p:cBhvr>
                                      <p:to>
                                        <p:strVal val="visible"/>
                                      </p:to>
                                    </p:set>
                                    <p:anim calcmode="lin" valueType="num">
                                      <p:cBhvr additive="base">
                                        <p:cTn dur="500" fill="hold" id="7"/>
                                        <p:tgtEl>
                                          <p:spTgt spid="12"/>
                                        </p:tgtEl>
                                        <p:attrNameLst>
                                          <p:attrName>ppt_x</p:attrName>
                                        </p:attrNameLst>
                                      </p:cBhvr>
                                      <p:tavLst>
                                        <p:tav tm="0">
                                          <p:val>
                                            <p:strVal val="#ppt_x"/>
                                          </p:val>
                                        </p:tav>
                                        <p:tav tm="100000">
                                          <p:val>
                                            <p:strVal val="#ppt_x"/>
                                          </p:val>
                                        </p:tav>
                                      </p:tavLst>
                                    </p:anim>
                                    <p:anim calcmode="lin" valueType="num">
                                      <p:cBhvr additive="base">
                                        <p:cTn dur="500" fill="hold" id="8"/>
                                        <p:tgtEl>
                                          <p:spTgt spid="12"/>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10" presetSubtype="0">
                                  <p:stCondLst>
                                    <p:cond delay="0"/>
                                  </p:stCondLst>
                                  <p:childTnLst>
                                    <p:set>
                                      <p:cBhvr>
                                        <p:cTn dur="1" fill="hold" id="12">
                                          <p:stCondLst>
                                            <p:cond delay="0"/>
                                          </p:stCondLst>
                                        </p:cTn>
                                        <p:tgtEl>
                                          <p:spTgt spid="13"/>
                                        </p:tgtEl>
                                        <p:attrNameLst>
                                          <p:attrName>style.visibility</p:attrName>
                                        </p:attrNameLst>
                                      </p:cBhvr>
                                      <p:to>
                                        <p:strVal val="visible"/>
                                      </p:to>
                                    </p:set>
                                    <p:animEffect filter="fade" transition="in">
                                      <p:cBhvr>
                                        <p:cTn dur="500" id="13"/>
                                        <p:tgtEl>
                                          <p:spTgt spid="13"/>
                                        </p:tgtEl>
                                      </p:cBhvr>
                                    </p:animEffect>
                                  </p:childTnLst>
                                </p:cTn>
                              </p:par>
                            </p:childTnLst>
                          </p:cTn>
                        </p:par>
                      </p:childTnLst>
                    </p:cTn>
                  </p:par>
                  <p:par>
                    <p:cTn fill="hold" id="14">
                      <p:stCondLst>
                        <p:cond delay="indefinite"/>
                      </p:stCondLst>
                      <p:childTnLst>
                        <p:par>
                          <p:cTn fill="hold" id="15">
                            <p:stCondLst>
                              <p:cond delay="0"/>
                            </p:stCondLst>
                            <p:childTnLst>
                              <p:par>
                                <p:cTn fill="hold" grpId="1" id="16" nodeType="clickEffect" presetClass="exit" presetID="10" presetSubtype="0">
                                  <p:stCondLst>
                                    <p:cond delay="0"/>
                                  </p:stCondLst>
                                  <p:childTnLst>
                                    <p:animEffect filter="fade" transition="out">
                                      <p:cBhvr>
                                        <p:cTn dur="500" id="17"/>
                                        <p:tgtEl>
                                          <p:spTgt spid="13"/>
                                        </p:tgtEl>
                                      </p:cBhvr>
                                    </p:animEffect>
                                    <p:set>
                                      <p:cBhvr>
                                        <p:cTn dur="1" fill="hold" id="18">
                                          <p:stCondLst>
                                            <p:cond delay="499"/>
                                          </p:stCondLst>
                                        </p:cTn>
                                        <p:tgtEl>
                                          <p:spTgt spid="13"/>
                                        </p:tgtEl>
                                        <p:attrNameLst>
                                          <p:attrName>style.visibility</p:attrName>
                                        </p:attrNameLst>
                                      </p:cBhvr>
                                      <p:to>
                                        <p:strVal val="hidden"/>
                                      </p:to>
                                    </p:set>
                                  </p:childTnLst>
                                </p:cTn>
                              </p:par>
                            </p:childTnLst>
                          </p:cTn>
                        </p:par>
                        <p:par>
                          <p:cTn fill="hold" id="19">
                            <p:stCondLst>
                              <p:cond delay="500"/>
                            </p:stCondLst>
                            <p:childTnLst>
                              <p:par>
                                <p:cTn fill="hold" grpId="0" id="20" nodeType="afterEffect" presetClass="entr" presetID="10" presetSubtype="0">
                                  <p:stCondLst>
                                    <p:cond delay="0"/>
                                  </p:stCondLst>
                                  <p:childTnLst>
                                    <p:set>
                                      <p:cBhvr>
                                        <p:cTn dur="1" fill="hold" id="21">
                                          <p:stCondLst>
                                            <p:cond delay="0"/>
                                          </p:stCondLst>
                                        </p:cTn>
                                        <p:tgtEl>
                                          <p:spTgt spid="15"/>
                                        </p:tgtEl>
                                        <p:attrNameLst>
                                          <p:attrName>style.visibility</p:attrName>
                                        </p:attrNameLst>
                                      </p:cBhvr>
                                      <p:to>
                                        <p:strVal val="visible"/>
                                      </p:to>
                                    </p:set>
                                    <p:animEffect filter="fade" transition="in">
                                      <p:cBhvr>
                                        <p:cTn dur="500" id="22"/>
                                        <p:tgtEl>
                                          <p:spTgt spid="15"/>
                                        </p:tgtEl>
                                      </p:cBhvr>
                                    </p:animEffect>
                                  </p:childTnLst>
                                </p:cTn>
                              </p:par>
                            </p:childTnLst>
                          </p:cTn>
                        </p:par>
                        <p:par>
                          <p:cTn fill="hold" id="23">
                            <p:stCondLst>
                              <p:cond delay="1000"/>
                            </p:stCondLst>
                            <p:childTnLst>
                              <p:par>
                                <p:cTn fill="hold" grpId="0" id="24" nodeType="afterEffect" presetClass="entr" presetID="10"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3"/>
      <p:bldP grpId="1" spid="13"/>
      <p:bldP grpId="0" spid="14"/>
      <p:bldP animBg="1" grpId="0" spid="1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rtlCol="0" wrap="square">
            <a:spAutoFit/>
          </a:bodyPr>
          <a:lstStyle/>
          <a:p txid="fbda09140c6dc5afd3b7b93a1fb8d9dd">
            <a:pPr algn="l" indent="-457200" marL="457200">
              <a:lnSpc>
                <a:spcPts val="3300"/>
              </a:lnSpc>
              <a:buClr>
                <a:srgbClr val="008CCF"/>
              </a:buClr>
              <a:buFont typeface="+mj-lt"/>
              <a:buAutoNum type="arabicPeriod"/>
            </a:pPr>
            <a:r>
              <a:rPr lang="es-ES" sz="2400">
                <a:latin typeface="+mj-lt"/>
              </a:rPr>
              <a:t> Exclure les informations inutiles </a:t>
            </a:r>
            <a:r>
              <a:rPr lang="es-ES" sz="2400"/>
            </a:r>
          </a:p>
          <a:p txid="0dca51a95dcd02f1d385e9290464ac35">
            <a:pPr algn="l" indent="-457200" marL="457200">
              <a:lnSpc>
                <a:spcPts val="3300"/>
              </a:lnSpc>
              <a:buClr>
                <a:srgbClr val="008CCF"/>
              </a:buClr>
              <a:buFont typeface="+mj-lt"/>
              <a:buAutoNum type="arabicPeriod"/>
            </a:pPr>
            <a:r>
              <a:rPr lang="es-ES" sz="2400"/>
              <a:t> Placez les  informations clés au début du nom</a:t>
            </a:r>
            <a:r>
              <a:rPr lang="es-ES" sz="2400">
                <a:latin typeface="+mj-lt"/>
              </a:rPr>
            </a:r>
          </a:p>
        </p:txBody>
      </p:sp>
      <p:sp>
        <p:nvSpPr>
          <p:cNvPr id="14" name="TextBox 13">
            <a:extLst>
              <a:ext uri="{FF2B5EF4-FFF2-40B4-BE49-F238E27FC236}">
                <a16:creationId xmlns:a16="http://schemas.microsoft.com/office/drawing/2014/main" id="{61B8C067-2838-DF2A-D630-7277397AC98D}"/>
              </a:ext>
            </a:extLst>
          </p:cNvPr>
          <p:cNvSpPr txBox="1"/>
          <p:nvPr/>
        </p:nvSpPr>
        <p:spPr>
          <a:xfrm>
            <a:off x="1727200" y="2710502"/>
            <a:ext cx="3214914" cy="2247731"/>
          </a:xfrm>
          <a:prstGeom prst="rect">
            <a:avLst/>
          </a:prstGeom>
          <a:noFill/>
        </p:spPr>
        <p:txBody>
          <a:bodyPr rtlCol="0" wrap="square">
            <a:spAutoFit/>
          </a:bodyPr>
          <a:lstStyle/>
          <a:p txid="85f413bc9523201a35b04b663d92b529">
            <a:pPr algn="l" indent="-342900" marL="342900">
              <a:lnSpc>
                <a:spcPct val="150000"/>
              </a:lnSpc>
              <a:buClr>
                <a:srgbClr val="008CCF"/>
              </a:buClr>
              <a:buFont charset="-79" pitchFamily="2" typeface="Rubik"/>
              <a:buChar char="•"/>
            </a:pPr>
            <a:r>
              <a:rPr lang="es-ES" sz="2400"/>
              <a:t>Première visite de CPN</a:t>
            </a:r>
          </a:p>
          <a:p txid="bf9f02f0ebb977d2df573946b9252ea9">
            <a:pPr algn="l" indent="-342900" marL="342900">
              <a:lnSpc>
                <a:spcPct val="150000"/>
              </a:lnSpc>
              <a:buClr>
                <a:srgbClr val="008CCF"/>
              </a:buClr>
              <a:buFont charset="-79" pitchFamily="2" typeface="Rubik"/>
              <a:buChar char="•"/>
            </a:pPr>
            <a:r>
              <a:rPr lang="es-ES" sz="2400"/>
              <a:t>Deuxième visite de CPN</a:t>
            </a:r>
          </a:p>
          <a:p txid="8f67c404dc122db7645960d72209c6ba">
            <a:pPr algn="l" indent="-342900" marL="342900">
              <a:lnSpc>
                <a:spcPct val="150000"/>
              </a:lnSpc>
              <a:buClr>
                <a:srgbClr val="008CCF"/>
              </a:buClr>
              <a:buFont charset="-79" pitchFamily="2" typeface="Rubik"/>
              <a:buChar char="•"/>
            </a:pPr>
            <a:r>
              <a:rPr lang="es-ES" sz="2400"/>
              <a:t>Troisième visite de CPN</a:t>
            </a:r>
          </a:p>
          <a:p txid="a6993fff3a12ab4731704ad110aedc15">
            <a:pPr algn="l" indent="-342900" marL="342900">
              <a:lnSpc>
                <a:spcPct val="150000"/>
              </a:lnSpc>
              <a:buClr>
                <a:srgbClr val="008CCF"/>
              </a:buClr>
              <a:buFont charset="-79" pitchFamily="2" typeface="Rubik"/>
              <a:buChar char="•"/>
            </a:pPr>
            <a:r>
              <a:rPr lang="es-ES" sz="2400"/>
              <a:t>Quatrième visite de CPN</a:t>
            </a:r>
          </a:p>
        </p:txBody>
      </p:sp>
      <p:cxnSp>
        <p:nvCxnSpPr>
          <p:cNvPr id="4" name="Straight Arrow Connector 3">
            <a:extLst>
              <a:ext uri="{FF2B5EF4-FFF2-40B4-BE49-F238E27FC236}">
                <a16:creationId xmlns:a16="http://schemas.microsoft.com/office/drawing/2014/main" id="{A1D566F5-5B92-2D20-1740-11AC279FD99A}"/>
              </a:ext>
            </a:extLst>
          </p:cNvPr>
          <p:cNvCxnSpPr>
            <a:cxnSpLocks/>
          </p:cNvCxnSpPr>
          <p:nvPr/>
        </p:nvCxnSpPr>
        <p:spPr>
          <a:xfrm>
            <a:off x="5402032" y="3061772"/>
            <a:ext cx="1371600" cy="0"/>
          </a:xfrm>
          <a:prstGeom prst="straightConnector1">
            <a:avLst/>
          </a:prstGeom>
          <a:ln cap="rnd" w="412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5" name="Straight Arrow Connector 14">
            <a:extLst>
              <a:ext uri="{FF2B5EF4-FFF2-40B4-BE49-F238E27FC236}">
                <a16:creationId xmlns:a16="http://schemas.microsoft.com/office/drawing/2014/main" id="{44E11FAC-76D6-0A63-1BC1-038CEA7D7541}"/>
              </a:ext>
            </a:extLst>
          </p:cNvPr>
          <p:cNvCxnSpPr>
            <a:cxnSpLocks/>
          </p:cNvCxnSpPr>
          <p:nvPr/>
        </p:nvCxnSpPr>
        <p:spPr>
          <a:xfrm>
            <a:off x="5402032" y="3606968"/>
            <a:ext cx="1371600" cy="0"/>
          </a:xfrm>
          <a:prstGeom prst="straightConnector1">
            <a:avLst/>
          </a:prstGeom>
          <a:ln cap="rnd" w="412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6" name="Straight Arrow Connector 15">
            <a:extLst>
              <a:ext uri="{FF2B5EF4-FFF2-40B4-BE49-F238E27FC236}">
                <a16:creationId xmlns:a16="http://schemas.microsoft.com/office/drawing/2014/main" id="{31A181C7-A5BA-02DD-D444-B2037A715629}"/>
              </a:ext>
            </a:extLst>
          </p:cNvPr>
          <p:cNvCxnSpPr>
            <a:cxnSpLocks/>
          </p:cNvCxnSpPr>
          <p:nvPr/>
        </p:nvCxnSpPr>
        <p:spPr>
          <a:xfrm>
            <a:off x="5402032" y="4152164"/>
            <a:ext cx="1371600" cy="0"/>
          </a:xfrm>
          <a:prstGeom prst="straightConnector1">
            <a:avLst/>
          </a:prstGeom>
          <a:ln cap="rnd" w="412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7" name="Straight Arrow Connector 16">
            <a:extLst>
              <a:ext uri="{FF2B5EF4-FFF2-40B4-BE49-F238E27FC236}">
                <a16:creationId xmlns:a16="http://schemas.microsoft.com/office/drawing/2014/main" id="{D16F4DBF-0732-2DC8-88AF-ABFE7F730E2B}"/>
              </a:ext>
            </a:extLst>
          </p:cNvPr>
          <p:cNvCxnSpPr>
            <a:cxnSpLocks/>
          </p:cNvCxnSpPr>
          <p:nvPr/>
        </p:nvCxnSpPr>
        <p:spPr>
          <a:xfrm>
            <a:off x="5402032" y="4697361"/>
            <a:ext cx="1371600" cy="0"/>
          </a:xfrm>
          <a:prstGeom prst="straightConnector1">
            <a:avLst/>
          </a:prstGeom>
          <a:ln cap="rnd" w="412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8" name="TextBox 17">
            <a:extLst>
              <a:ext uri="{FF2B5EF4-FFF2-40B4-BE49-F238E27FC236}">
                <a16:creationId xmlns:a16="http://schemas.microsoft.com/office/drawing/2014/main" id="{B4017E3C-FBA9-6BB4-BEB1-F051F8D05748}"/>
              </a:ext>
            </a:extLst>
          </p:cNvPr>
          <p:cNvSpPr txBox="1"/>
          <p:nvPr/>
        </p:nvSpPr>
        <p:spPr>
          <a:xfrm>
            <a:off x="7162800" y="2699660"/>
            <a:ext cx="3302000" cy="585738"/>
          </a:xfrm>
          <a:prstGeom prst="rect">
            <a:avLst/>
          </a:prstGeom>
          <a:noFill/>
        </p:spPr>
        <p:txBody>
          <a:bodyPr rtlCol="0" wrap="square">
            <a:spAutoFit/>
          </a:bodyPr>
          <a:lstStyle/>
          <a:p txid="8218f78605fb848622318b29271b90d9">
            <a:pPr algn="l">
              <a:lnSpc>
                <a:spcPct val="150000"/>
              </a:lnSpc>
              <a:buClr>
                <a:srgbClr val="008CCF"/>
              </a:buClr>
            </a:pPr>
            <a:r>
              <a:rPr lang="es-ES" sz="2400">
                <a:solidFill>
                  <a:srgbClr val="FF7330"/>
                </a:solidFill>
              </a:rPr>
              <a:t> CPN </a:t>
            </a:r>
            <a:r>
              <a:rPr lang="es-ES" sz="2400"/>
              <a:t>  Première visite  </a:t>
            </a:r>
          </a:p>
        </p:txBody>
      </p:sp>
      <p:sp>
        <p:nvSpPr>
          <p:cNvPr id="19" name="TextBox 18">
            <a:extLst>
              <a:ext uri="{FF2B5EF4-FFF2-40B4-BE49-F238E27FC236}">
                <a16:creationId xmlns:a16="http://schemas.microsoft.com/office/drawing/2014/main" id="{7C262C4A-473D-B6CB-E7E1-FA1BC07A27DD}"/>
              </a:ext>
            </a:extLst>
          </p:cNvPr>
          <p:cNvSpPr txBox="1"/>
          <p:nvPr/>
        </p:nvSpPr>
        <p:spPr>
          <a:xfrm>
            <a:off x="7162800" y="3247377"/>
            <a:ext cx="3302000" cy="585738"/>
          </a:xfrm>
          <a:prstGeom prst="rect">
            <a:avLst/>
          </a:prstGeom>
          <a:noFill/>
        </p:spPr>
        <p:txBody>
          <a:bodyPr rtlCol="0" wrap="square">
            <a:spAutoFit/>
          </a:bodyPr>
          <a:lstStyle/>
          <a:p txid="ca15739af1ab18d82347f48b86c39716">
            <a:pPr algn="l">
              <a:lnSpc>
                <a:spcPct val="150000"/>
              </a:lnSpc>
              <a:buClr>
                <a:srgbClr val="008CCF"/>
              </a:buClr>
            </a:pPr>
            <a:r>
              <a:rPr lang="es-ES" sz="2400">
                <a:solidFill>
                  <a:srgbClr val="FF7330"/>
                </a:solidFill>
              </a:rPr>
              <a:t> CPN </a:t>
            </a:r>
            <a:r>
              <a:rPr lang="es-ES" sz="2400"/>
              <a:t>  Deuxième visite  </a:t>
            </a:r>
          </a:p>
        </p:txBody>
      </p:sp>
      <p:sp>
        <p:nvSpPr>
          <p:cNvPr id="20" name="TextBox 19">
            <a:extLst>
              <a:ext uri="{FF2B5EF4-FFF2-40B4-BE49-F238E27FC236}">
                <a16:creationId xmlns:a16="http://schemas.microsoft.com/office/drawing/2014/main" id="{D92CE9D6-3C7F-D421-8756-56E642861B82}"/>
              </a:ext>
            </a:extLst>
          </p:cNvPr>
          <p:cNvSpPr txBox="1"/>
          <p:nvPr/>
        </p:nvSpPr>
        <p:spPr>
          <a:xfrm>
            <a:off x="7162800" y="3771990"/>
            <a:ext cx="3302000" cy="585738"/>
          </a:xfrm>
          <a:prstGeom prst="rect">
            <a:avLst/>
          </a:prstGeom>
          <a:noFill/>
        </p:spPr>
        <p:txBody>
          <a:bodyPr rtlCol="0" wrap="square">
            <a:spAutoFit/>
          </a:bodyPr>
          <a:lstStyle/>
          <a:p txid="dc8e9f3edc705f0503c656f591d57b96">
            <a:pPr algn="l">
              <a:lnSpc>
                <a:spcPct val="150000"/>
              </a:lnSpc>
              <a:buClr>
                <a:srgbClr val="008CCF"/>
              </a:buClr>
            </a:pPr>
            <a:r>
              <a:rPr lang="es-ES" sz="2400">
                <a:solidFill>
                  <a:srgbClr val="FF7330"/>
                </a:solidFill>
              </a:rPr>
              <a:t> CPN </a:t>
            </a:r>
            <a:r>
              <a:rPr lang="es-ES" sz="2400"/>
              <a:t>  Troisième visite  </a:t>
            </a:r>
          </a:p>
        </p:txBody>
      </p:sp>
      <p:sp>
        <p:nvSpPr>
          <p:cNvPr id="21" name="TextBox 20">
            <a:extLst>
              <a:ext uri="{FF2B5EF4-FFF2-40B4-BE49-F238E27FC236}">
                <a16:creationId xmlns:a16="http://schemas.microsoft.com/office/drawing/2014/main" id="{EFEA66C7-E60A-6AFD-0D3B-359D46DDB477}"/>
              </a:ext>
            </a:extLst>
          </p:cNvPr>
          <p:cNvSpPr txBox="1"/>
          <p:nvPr/>
        </p:nvSpPr>
        <p:spPr>
          <a:xfrm>
            <a:off x="7162800" y="4372495"/>
            <a:ext cx="3302000" cy="585738"/>
          </a:xfrm>
          <a:prstGeom prst="rect">
            <a:avLst/>
          </a:prstGeom>
          <a:noFill/>
        </p:spPr>
        <p:txBody>
          <a:bodyPr rtlCol="0" wrap="square">
            <a:spAutoFit/>
          </a:bodyPr>
          <a:lstStyle/>
          <a:p txid="4f8f0112129779c8811e7c1a09b65b4d">
            <a:pPr>
              <a:lnSpc>
                <a:spcPct val="150000"/>
              </a:lnSpc>
              <a:buClr>
                <a:srgbClr val="008CCF"/>
              </a:buClr>
            </a:pPr>
            <a:r>
              <a:rPr lang="es-ES" sz="2400">
                <a:solidFill>
                  <a:srgbClr val="FF7330"/>
                </a:solidFill>
              </a:rPr>
              <a:t> CPN </a:t>
            </a:r>
            <a:r>
              <a:rPr lang="es-ES" sz="2400"/>
              <a:t>  Quatrième visite  </a:t>
            </a:r>
          </a:p>
        </p:txBody>
      </p:sp>
    </p:spTree>
    <p:custDataLst>
      <p:tags r:id="rId1"/>
    </p:custDataLst>
    <p:extLst>
      <p:ext uri="{BB962C8B-B14F-4D97-AF65-F5344CB8AC3E}">
        <p14:creationId xmlns:p14="http://schemas.microsoft.com/office/powerpoint/2010/main" val="3922124774"/>
      </p:ext>
    </p:extLst>
  </p:cSld>
  <p:clrMapOvr>
    <a:masterClrMapping/>
  </p:clrMapOvr>
  <mc:AlternateContent xmlns:mc="http://schemas.openxmlformats.org/markup-compatibility/2006" xmlns:p14="http://schemas.microsoft.com/office/powerpoint/2010/main">
    <mc:Choice Requires="p14">
      <p:transition advTm="20232" p14:dur="2000" spd="slow"/>
    </mc:Choice>
    <mc:Fallback xmlns="">
      <p:transition advTm="202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8">
                                  <p:stCondLst>
                                    <p:cond delay="0"/>
                                  </p:stCondLst>
                                  <p:childTnLst>
                                    <p:set>
                                      <p:cBhvr>
                                        <p:cTn dur="1" fill="hold" id="6">
                                          <p:stCondLst>
                                            <p:cond delay="0"/>
                                          </p:stCondLst>
                                        </p:cTn>
                                        <p:tgtEl>
                                          <p:spTgt spid="4"/>
                                        </p:tgtEl>
                                        <p:attrNameLst>
                                          <p:attrName>style.visibility</p:attrName>
                                        </p:attrNameLst>
                                      </p:cBhvr>
                                      <p:to>
                                        <p:strVal val="visible"/>
                                      </p:to>
                                    </p:set>
                                    <p:animEffect filter="wipe(left)" transition="in">
                                      <p:cBhvr>
                                        <p:cTn dur="500" id="7"/>
                                        <p:tgtEl>
                                          <p:spTgt spid="4"/>
                                        </p:tgtEl>
                                      </p:cBhvr>
                                    </p:animEffect>
                                  </p:childTnLst>
                                </p:cTn>
                              </p:par>
                              <p:par>
                                <p:cTn fill="hold" id="8" nodeType="withEffect" presetClass="entr" presetID="22" presetSubtype="8">
                                  <p:stCondLst>
                                    <p:cond delay="0"/>
                                  </p:stCondLst>
                                  <p:childTnLst>
                                    <p:set>
                                      <p:cBhvr>
                                        <p:cTn dur="1" fill="hold" id="9">
                                          <p:stCondLst>
                                            <p:cond delay="0"/>
                                          </p:stCondLst>
                                        </p:cTn>
                                        <p:tgtEl>
                                          <p:spTgt spid="15"/>
                                        </p:tgtEl>
                                        <p:attrNameLst>
                                          <p:attrName>style.visibility</p:attrName>
                                        </p:attrNameLst>
                                      </p:cBhvr>
                                      <p:to>
                                        <p:strVal val="visible"/>
                                      </p:to>
                                    </p:set>
                                    <p:animEffect filter="wipe(left)" transition="in">
                                      <p:cBhvr>
                                        <p:cTn dur="500" id="10"/>
                                        <p:tgtEl>
                                          <p:spTgt spid="15"/>
                                        </p:tgtEl>
                                      </p:cBhvr>
                                    </p:animEffect>
                                  </p:childTnLst>
                                </p:cTn>
                              </p:par>
                              <p:par>
                                <p:cTn fill="hold" id="11" nodeType="withEffect" presetClass="entr" presetID="22" presetSubtype="8">
                                  <p:stCondLst>
                                    <p:cond delay="0"/>
                                  </p:stCondLst>
                                  <p:childTnLst>
                                    <p:set>
                                      <p:cBhvr>
                                        <p:cTn dur="1" fill="hold" id="12">
                                          <p:stCondLst>
                                            <p:cond delay="0"/>
                                          </p:stCondLst>
                                        </p:cTn>
                                        <p:tgtEl>
                                          <p:spTgt spid="16"/>
                                        </p:tgtEl>
                                        <p:attrNameLst>
                                          <p:attrName>style.visibility</p:attrName>
                                        </p:attrNameLst>
                                      </p:cBhvr>
                                      <p:to>
                                        <p:strVal val="visible"/>
                                      </p:to>
                                    </p:set>
                                    <p:animEffect filter="wipe(left)" transition="in">
                                      <p:cBhvr>
                                        <p:cTn dur="500" id="13"/>
                                        <p:tgtEl>
                                          <p:spTgt spid="16"/>
                                        </p:tgtEl>
                                      </p:cBhvr>
                                    </p:animEffect>
                                  </p:childTnLst>
                                </p:cTn>
                              </p:par>
                              <p:par>
                                <p:cTn fill="hold" id="14" nodeType="withEffect" presetClass="entr" presetID="22" presetSubtype="8">
                                  <p:stCondLst>
                                    <p:cond delay="0"/>
                                  </p:stCondLst>
                                  <p:childTnLst>
                                    <p:set>
                                      <p:cBhvr>
                                        <p:cTn dur="1" fill="hold" id="15">
                                          <p:stCondLst>
                                            <p:cond delay="0"/>
                                          </p:stCondLst>
                                        </p:cTn>
                                        <p:tgtEl>
                                          <p:spTgt spid="17"/>
                                        </p:tgtEl>
                                        <p:attrNameLst>
                                          <p:attrName>style.visibility</p:attrName>
                                        </p:attrNameLst>
                                      </p:cBhvr>
                                      <p:to>
                                        <p:strVal val="visible"/>
                                      </p:to>
                                    </p:set>
                                    <p:animEffect filter="wipe(left)" transition="in">
                                      <p:cBhvr>
                                        <p:cTn dur="500" id="16"/>
                                        <p:tgtEl>
                                          <p:spTgt spid="17"/>
                                        </p:tgtEl>
                                      </p:cBhvr>
                                    </p:animEffect>
                                  </p:childTnLst>
                                </p:cTn>
                              </p:par>
                            </p:childTnLst>
                          </p:cTn>
                        </p:par>
                      </p:childTnLst>
                    </p:cTn>
                  </p:par>
                  <p:par>
                    <p:cTn fill="hold" id="17">
                      <p:stCondLst>
                        <p:cond delay="indefinite"/>
                      </p:stCondLst>
                      <p:childTnLst>
                        <p:par>
                          <p:cTn fill="hold" id="18">
                            <p:stCondLst>
                              <p:cond delay="0"/>
                            </p:stCondLst>
                            <p:childTnLst>
                              <p:par>
                                <p:cTn fill="hold" grpId="0" id="19" nodeType="clickEffect" presetClass="entr" presetID="10" presetSubtype="0">
                                  <p:stCondLst>
                                    <p:cond delay="0"/>
                                  </p:stCondLst>
                                  <p:childTnLst>
                                    <p:set>
                                      <p:cBhvr>
                                        <p:cTn dur="1" fill="hold" id="20">
                                          <p:stCondLst>
                                            <p:cond delay="0"/>
                                          </p:stCondLst>
                                        </p:cTn>
                                        <p:tgtEl>
                                          <p:spTgt spid="18">
                                            <p:txEl>
                                              <p:pRg end="0" st="0"/>
                                            </p:txEl>
                                          </p:spTgt>
                                        </p:tgtEl>
                                        <p:attrNameLst>
                                          <p:attrName>style.visibility</p:attrName>
                                        </p:attrNameLst>
                                      </p:cBhvr>
                                      <p:to>
                                        <p:strVal val="visible"/>
                                      </p:to>
                                    </p:set>
                                    <p:animEffect filter="fade" transition="in">
                                      <p:cBhvr>
                                        <p:cTn dur="500" id="21"/>
                                        <p:tgtEl>
                                          <p:spTgt spid="18">
                                            <p:txEl>
                                              <p:pRg end="0" st="0"/>
                                            </p:txEl>
                                          </p:spTgt>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19">
                                            <p:txEl>
                                              <p:pRg end="0" st="0"/>
                                            </p:txEl>
                                          </p:spTgt>
                                        </p:tgtEl>
                                        <p:attrNameLst>
                                          <p:attrName>style.visibility</p:attrName>
                                        </p:attrNameLst>
                                      </p:cBhvr>
                                      <p:to>
                                        <p:strVal val="visible"/>
                                      </p:to>
                                    </p:set>
                                    <p:animEffect filter="fade" transition="in">
                                      <p:cBhvr>
                                        <p:cTn dur="500" id="26"/>
                                        <p:tgtEl>
                                          <p:spTgt spid="19">
                                            <p:txEl>
                                              <p:pRg end="0" st="0"/>
                                            </p:txEl>
                                          </p:spTgt>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0">
                                            <p:txEl>
                                              <p:pRg end="0" st="0"/>
                                            </p:txEl>
                                          </p:spTgt>
                                        </p:tgtEl>
                                        <p:attrNameLst>
                                          <p:attrName>style.visibility</p:attrName>
                                        </p:attrNameLst>
                                      </p:cBhvr>
                                      <p:to>
                                        <p:strVal val="visible"/>
                                      </p:to>
                                    </p:set>
                                    <p:animEffect filter="fade" transition="in">
                                      <p:cBhvr>
                                        <p:cTn dur="500" id="31"/>
                                        <p:tgtEl>
                                          <p:spTgt spid="20">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1">
                                            <p:txEl>
                                              <p:pRg end="0" st="0"/>
                                            </p:txEl>
                                          </p:spTgt>
                                        </p:tgtEl>
                                        <p:attrNameLst>
                                          <p:attrName>style.visibility</p:attrName>
                                        </p:attrNameLst>
                                      </p:cBhvr>
                                      <p:to>
                                        <p:strVal val="visible"/>
                                      </p:to>
                                    </p:set>
                                    <p:animEffect filter="fade" transition="in">
                                      <p:cBhvr>
                                        <p:cTn dur="500" id="36"/>
                                        <p:tgtEl>
                                          <p:spTgt spid="21">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8" uiExpand="1"/>
      <p:bldP build="p" grpId="0" spid="19" uiExpand="1"/>
      <p:bldP build="p" grpId="0" spid="20" uiExpand="1"/>
      <p:bldP build="p" grpId="0" spid="21" uiExpand="1"/>
    </p:bldLst>
  </p:timing>
</p:sld>
</file>

<file path=ppt/slides/slide2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rtlCol="0" wrap="square">
            <a:spAutoFit/>
          </a:bodyPr>
          <a:lstStyle/>
          <a:p txid="fbda09140c6dc5afd3b7b93a1fb8d9dd">
            <a:pPr algn="l" indent="-457200" marL="457200">
              <a:lnSpc>
                <a:spcPts val="3300"/>
              </a:lnSpc>
              <a:buClr>
                <a:srgbClr val="008CCF"/>
              </a:buClr>
              <a:buFont typeface="+mj-lt"/>
              <a:buAutoNum type="arabicPeriod"/>
            </a:pPr>
            <a:r>
              <a:rPr lang="es-ES" sz="2400">
                <a:latin typeface="+mj-lt"/>
              </a:rPr>
              <a:t> Exclure les informations inutiles </a:t>
            </a:r>
            <a:r>
              <a:rPr lang="es-ES" sz="2400"/>
            </a:r>
          </a:p>
          <a:p txid="0dca51a95dcd02f1d385e9290464ac35">
            <a:pPr algn="l" indent="-457200" marL="457200">
              <a:lnSpc>
                <a:spcPts val="3300"/>
              </a:lnSpc>
              <a:buClr>
                <a:srgbClr val="008CCF"/>
              </a:buClr>
              <a:buFont typeface="+mj-lt"/>
              <a:buAutoNum type="arabicPeriod"/>
            </a:pPr>
            <a:r>
              <a:rPr lang="es-ES" sz="2400"/>
              <a:t> Placez les  informations clés au début du nom</a:t>
            </a:r>
            <a:r>
              <a:rPr lang="es-ES" sz="2400">
                <a:latin typeface="+mj-lt"/>
              </a:rPr>
            </a:r>
          </a:p>
        </p:txBody>
      </p:sp>
      <p:sp>
        <p:nvSpPr>
          <p:cNvPr id="10" name="TextBox 9">
            <a:extLst>
              <a:ext uri="{FF2B5EF4-FFF2-40B4-BE49-F238E27FC236}">
                <a16:creationId xmlns:a16="http://schemas.microsoft.com/office/drawing/2014/main" id="{816DA2AE-CCD6-2386-E76F-C1E1DE8A4F35}"/>
              </a:ext>
            </a:extLst>
          </p:cNvPr>
          <p:cNvSpPr txBox="1"/>
          <p:nvPr/>
        </p:nvSpPr>
        <p:spPr>
          <a:xfrm>
            <a:off x="4494889" y="2530160"/>
            <a:ext cx="3302000" cy="585738"/>
          </a:xfrm>
          <a:prstGeom prst="rect">
            <a:avLst/>
          </a:prstGeom>
          <a:noFill/>
        </p:spPr>
        <p:txBody>
          <a:bodyPr rtlCol="0" wrap="square">
            <a:spAutoFit/>
          </a:bodyPr>
          <a:lstStyle/>
          <a:p txid="8218f78605fb848622318b29271b90d9">
            <a:pPr algn="l">
              <a:lnSpc>
                <a:spcPct val="150000"/>
              </a:lnSpc>
              <a:buClr>
                <a:srgbClr val="008CCF"/>
              </a:buClr>
            </a:pPr>
            <a:r>
              <a:rPr lang="es-ES" sz="2400">
                <a:solidFill>
                  <a:srgbClr val="FF7330"/>
                </a:solidFill>
              </a:rPr>
              <a:t> CPN </a:t>
            </a:r>
            <a:r>
              <a:rPr lang="es-ES" sz="2400"/>
              <a:t>  Première visite  </a:t>
            </a:r>
          </a:p>
        </p:txBody>
      </p:sp>
      <p:sp>
        <p:nvSpPr>
          <p:cNvPr id="11" name="TextBox 10">
            <a:extLst>
              <a:ext uri="{FF2B5EF4-FFF2-40B4-BE49-F238E27FC236}">
                <a16:creationId xmlns:a16="http://schemas.microsoft.com/office/drawing/2014/main" id="{7242A716-36EE-C275-A099-B3888E746FF8}"/>
              </a:ext>
            </a:extLst>
          </p:cNvPr>
          <p:cNvSpPr txBox="1"/>
          <p:nvPr/>
        </p:nvSpPr>
        <p:spPr>
          <a:xfrm>
            <a:off x="4494889" y="3631762"/>
            <a:ext cx="3302000" cy="585738"/>
          </a:xfrm>
          <a:prstGeom prst="rect">
            <a:avLst/>
          </a:prstGeom>
          <a:noFill/>
        </p:spPr>
        <p:txBody>
          <a:bodyPr rtlCol="0" wrap="square">
            <a:spAutoFit/>
          </a:bodyPr>
          <a:lstStyle/>
          <a:p txid="e11fc45a3663e84a593201f5788071b5">
            <a:pPr algn="l">
              <a:lnSpc>
                <a:spcPct val="150000"/>
              </a:lnSpc>
              <a:buClr>
                <a:srgbClr val="008CCF"/>
              </a:buClr>
            </a:pPr>
            <a:r>
              <a:rPr dirty="0" lang="es-ES" sz="2400">
                <a:solidFill>
                  <a:srgbClr val="FF7330"/>
                </a:solidFill>
              </a:rPr>
              <a:t>CPN </a:t>
            </a:r>
            <a:r>
              <a:rPr dirty="0" lang="es-ES" sz="2400"/>
              <a:t> </a:t>
            </a:r>
            <a:r>
              <a:rPr dirty="0" err="1" lang="es-ES" sz="2400"/>
              <a:t> Deuxième </a:t>
            </a:r>
            <a:r>
              <a:rPr dirty="0" lang="es-ES" sz="2400"/>
              <a:t> </a:t>
            </a:r>
            <a:r>
              <a:rPr dirty="0" err="1" lang="es-ES" sz="2400"/>
              <a:t> visite</a:t>
            </a:r>
            <a:endParaRPr dirty="0" lang="es-ES" sz="2400"/>
          </a:p>
        </p:txBody>
      </p:sp>
      <p:sp>
        <p:nvSpPr>
          <p:cNvPr id="13" name="TextBox 12">
            <a:extLst>
              <a:ext uri="{FF2B5EF4-FFF2-40B4-BE49-F238E27FC236}">
                <a16:creationId xmlns:a16="http://schemas.microsoft.com/office/drawing/2014/main" id="{6E9153EC-5199-7207-B403-C1AC12C2DFBD}"/>
              </a:ext>
            </a:extLst>
          </p:cNvPr>
          <p:cNvSpPr txBox="1"/>
          <p:nvPr/>
        </p:nvSpPr>
        <p:spPr>
          <a:xfrm>
            <a:off x="4494889" y="4182564"/>
            <a:ext cx="3302000" cy="585738"/>
          </a:xfrm>
          <a:prstGeom prst="rect">
            <a:avLst/>
          </a:prstGeom>
          <a:noFill/>
        </p:spPr>
        <p:txBody>
          <a:bodyPr rtlCol="0" wrap="square">
            <a:spAutoFit/>
          </a:bodyPr>
          <a:lstStyle/>
          <a:p txid="dc8e9f3edc705f0503c656f591d57b96">
            <a:pPr algn="l">
              <a:lnSpc>
                <a:spcPct val="150000"/>
              </a:lnSpc>
              <a:buClr>
                <a:srgbClr val="008CCF"/>
              </a:buClr>
            </a:pPr>
            <a:r>
              <a:rPr lang="es-ES" sz="2400">
                <a:solidFill>
                  <a:srgbClr val="FF7330"/>
                </a:solidFill>
              </a:rPr>
              <a:t> CPN </a:t>
            </a:r>
            <a:r>
              <a:rPr lang="es-ES" sz="2400"/>
              <a:t>  Troisième visite  </a:t>
            </a:r>
          </a:p>
        </p:txBody>
      </p:sp>
      <p:sp>
        <p:nvSpPr>
          <p:cNvPr id="19" name="TextBox 18">
            <a:extLst>
              <a:ext uri="{FF2B5EF4-FFF2-40B4-BE49-F238E27FC236}">
                <a16:creationId xmlns:a16="http://schemas.microsoft.com/office/drawing/2014/main" id="{97A6CAA2-DD64-A8AB-3C07-0F5180D8D54A}"/>
              </a:ext>
            </a:extLst>
          </p:cNvPr>
          <p:cNvSpPr txBox="1"/>
          <p:nvPr/>
        </p:nvSpPr>
        <p:spPr>
          <a:xfrm>
            <a:off x="4494889" y="3080961"/>
            <a:ext cx="3302000" cy="585738"/>
          </a:xfrm>
          <a:prstGeom prst="rect">
            <a:avLst/>
          </a:prstGeom>
          <a:noFill/>
        </p:spPr>
        <p:txBody>
          <a:bodyPr rtlCol="0" wrap="square">
            <a:spAutoFit/>
          </a:bodyPr>
          <a:lstStyle/>
          <a:p txid="4f8f0112129779c8811e7c1a09b65b4d">
            <a:pPr>
              <a:lnSpc>
                <a:spcPct val="150000"/>
              </a:lnSpc>
              <a:buClr>
                <a:srgbClr val="008CCF"/>
              </a:buClr>
            </a:pPr>
            <a:r>
              <a:rPr lang="es-ES" sz="2400">
                <a:solidFill>
                  <a:srgbClr val="FF7330"/>
                </a:solidFill>
              </a:rPr>
              <a:t> CPN </a:t>
            </a:r>
            <a:r>
              <a:rPr lang="es-ES" sz="2400"/>
              <a:t>  Quatrième visite  </a:t>
            </a:r>
          </a:p>
        </p:txBody>
      </p:sp>
      <p:cxnSp>
        <p:nvCxnSpPr>
          <p:cNvPr id="20" name="Straight Connector 19">
            <a:extLst>
              <a:ext uri="{FF2B5EF4-FFF2-40B4-BE49-F238E27FC236}">
                <a16:creationId xmlns:a16="http://schemas.microsoft.com/office/drawing/2014/main" id="{B10536E0-3965-F241-2D43-8085AC846F04}"/>
              </a:ext>
            </a:extLst>
          </p:cNvPr>
          <p:cNvCxnSpPr>
            <a:cxnSpLocks/>
          </p:cNvCxnSpPr>
          <p:nvPr/>
        </p:nvCxnSpPr>
        <p:spPr>
          <a:xfrm>
            <a:off x="5309565" y="3086870"/>
            <a:ext cx="640080"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AF8BF899-43D1-6400-F76C-F5860E2F1B7E}"/>
              </a:ext>
            </a:extLst>
          </p:cNvPr>
          <p:cNvCxnSpPr>
            <a:cxnSpLocks/>
          </p:cNvCxnSpPr>
          <p:nvPr/>
        </p:nvCxnSpPr>
        <p:spPr>
          <a:xfrm>
            <a:off x="5309565" y="4194922"/>
            <a:ext cx="1045991"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F5FABD6E-51BE-5806-EEC9-A4D3D18CC03F}"/>
              </a:ext>
            </a:extLst>
          </p:cNvPr>
          <p:cNvCxnSpPr>
            <a:cxnSpLocks/>
          </p:cNvCxnSpPr>
          <p:nvPr/>
        </p:nvCxnSpPr>
        <p:spPr>
          <a:xfrm>
            <a:off x="5309565" y="4734968"/>
            <a:ext cx="714998"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3E7AB848-8EA3-6EDF-5902-2421E6C80CAB}"/>
              </a:ext>
            </a:extLst>
          </p:cNvPr>
          <p:cNvCxnSpPr>
            <a:cxnSpLocks/>
          </p:cNvCxnSpPr>
          <p:nvPr/>
        </p:nvCxnSpPr>
        <p:spPr>
          <a:xfrm>
            <a:off x="5293043" y="3631762"/>
            <a:ext cx="960120"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740149198"/>
      </p:ext>
    </p:extLst>
  </p:cSld>
  <p:clrMapOvr>
    <a:masterClrMapping/>
  </p:clrMapOvr>
  <mc:AlternateContent xmlns:mc="http://schemas.openxmlformats.org/markup-compatibility/2006" xmlns:p159="http://schemas.microsoft.com/office/powerpoint/2015/09/main">
    <mc:Choice Requires="p159">
      <p:transition advTm="14832" spd="slow">
        <p159:morph option="byObject"/>
      </p:transition>
    </mc:Choice>
    <mc:Fallback xmlns="">
      <p:transition advTm="1483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8">
                                  <p:stCondLst>
                                    <p:cond delay="0"/>
                                  </p:stCondLst>
                                  <p:childTnLst>
                                    <p:set>
                                      <p:cBhvr>
                                        <p:cTn dur="1" fill="hold" id="6">
                                          <p:stCondLst>
                                            <p:cond delay="0"/>
                                          </p:stCondLst>
                                        </p:cTn>
                                        <p:tgtEl>
                                          <p:spTgt spid="20"/>
                                        </p:tgtEl>
                                        <p:attrNameLst>
                                          <p:attrName>style.visibility</p:attrName>
                                        </p:attrNameLst>
                                      </p:cBhvr>
                                      <p:to>
                                        <p:strVal val="visible"/>
                                      </p:to>
                                    </p:set>
                                    <p:animEffect filter="wipe(left)" transition="in">
                                      <p:cBhvr>
                                        <p:cTn dur="500" id="7"/>
                                        <p:tgtEl>
                                          <p:spTgt spid="2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8">
                                  <p:stCondLst>
                                    <p:cond delay="0"/>
                                  </p:stCondLst>
                                  <p:childTnLst>
                                    <p:set>
                                      <p:cBhvr>
                                        <p:cTn dur="1" fill="hold" id="11">
                                          <p:stCondLst>
                                            <p:cond delay="0"/>
                                          </p:stCondLst>
                                        </p:cTn>
                                        <p:tgtEl>
                                          <p:spTgt spid="21"/>
                                        </p:tgtEl>
                                        <p:attrNameLst>
                                          <p:attrName>style.visibility</p:attrName>
                                        </p:attrNameLst>
                                      </p:cBhvr>
                                      <p:to>
                                        <p:strVal val="visible"/>
                                      </p:to>
                                    </p:set>
                                    <p:animEffect filter="wipe(left)" transition="in">
                                      <p:cBhvr>
                                        <p:cTn dur="500" id="12"/>
                                        <p:tgtEl>
                                          <p:spTgt spid="21"/>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2"/>
                                        </p:tgtEl>
                                        <p:attrNameLst>
                                          <p:attrName>style.visibility</p:attrName>
                                        </p:attrNameLst>
                                      </p:cBhvr>
                                      <p:to>
                                        <p:strVal val="visible"/>
                                      </p:to>
                                    </p:set>
                                    <p:animEffect filter="wipe(left)" transition="in">
                                      <p:cBhvr>
                                        <p:cTn dur="500" id="17"/>
                                        <p:tgtEl>
                                          <p:spTgt spid="22"/>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23"/>
                                        </p:tgtEl>
                                        <p:attrNameLst>
                                          <p:attrName>style.visibility</p:attrName>
                                        </p:attrNameLst>
                                      </p:cBhvr>
                                      <p:to>
                                        <p:strVal val="visible"/>
                                      </p:to>
                                    </p:set>
                                    <p:animEffect filter="wipe(left)" transition="in">
                                      <p:cBhvr>
                                        <p:cTn dur="500" id="22"/>
                                        <p:tgtEl>
                                          <p:spTgt spid="2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2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1" name="TextBox 10">
            <a:extLst>
              <a:ext uri="{FF2B5EF4-FFF2-40B4-BE49-F238E27FC236}">
                <a16:creationId xmlns:a16="http://schemas.microsoft.com/office/drawing/2014/main" id="{7242A716-36EE-C275-A099-B3888E746FF8}"/>
              </a:ext>
            </a:extLst>
          </p:cNvPr>
          <p:cNvSpPr txBox="1"/>
          <p:nvPr/>
        </p:nvSpPr>
        <p:spPr>
          <a:xfrm>
            <a:off x="4494889" y="3072641"/>
            <a:ext cx="2159911" cy="585738"/>
          </a:xfrm>
          <a:prstGeom prst="rect">
            <a:avLst/>
          </a:prstGeom>
          <a:noFill/>
        </p:spPr>
        <p:txBody>
          <a:bodyPr rtlCol="0" wrap="square">
            <a:spAutoFit/>
          </a:bodyPr>
          <a:lstStyle/>
          <a:p txid="d11693b519e8f356ff229492907aefcb">
            <a:pPr algn="l">
              <a:lnSpc>
                <a:spcPct val="150000"/>
              </a:lnSpc>
              <a:buClr>
                <a:srgbClr val="008CCF"/>
              </a:buClr>
            </a:pPr>
            <a:r>
              <a:rPr lang="es-ES" sz="2400">
                <a:solidFill>
                  <a:srgbClr val="FF7330"/>
                </a:solidFill>
              </a:rPr>
              <a:t> </a:t>
            </a:r>
            <a:r>
              <a:rPr lang="es-ES" sz="2400"/>
              <a:t> CPN    2ème visite  </a:t>
            </a:r>
          </a:p>
        </p:txBody>
      </p:sp>
      <p:sp>
        <p:nvSpPr>
          <p:cNvPr id="13" name="TextBox 12">
            <a:extLst>
              <a:ext uri="{FF2B5EF4-FFF2-40B4-BE49-F238E27FC236}">
                <a16:creationId xmlns:a16="http://schemas.microsoft.com/office/drawing/2014/main" id="{6E9153EC-5199-7207-B403-C1AC12C2DFBD}"/>
              </a:ext>
            </a:extLst>
          </p:cNvPr>
          <p:cNvSpPr txBox="1"/>
          <p:nvPr/>
        </p:nvSpPr>
        <p:spPr>
          <a:xfrm>
            <a:off x="4494889" y="3615122"/>
            <a:ext cx="2159911" cy="585738"/>
          </a:xfrm>
          <a:prstGeom prst="rect">
            <a:avLst/>
          </a:prstGeom>
          <a:noFill/>
        </p:spPr>
        <p:txBody>
          <a:bodyPr rtlCol="0" wrap="square">
            <a:spAutoFit/>
          </a:bodyPr>
          <a:lstStyle/>
          <a:p txid="2a01db0faf2c9672501cc7b0825902e6">
            <a:pPr algn="l">
              <a:lnSpc>
                <a:spcPct val="150000"/>
              </a:lnSpc>
              <a:buClr>
                <a:srgbClr val="008CCF"/>
              </a:buClr>
            </a:pPr>
            <a:r>
              <a:rPr lang="es-ES" sz="2400">
                <a:solidFill>
                  <a:srgbClr val="FF7330"/>
                </a:solidFill>
              </a:rPr>
              <a:t> </a:t>
            </a:r>
            <a:r>
              <a:rPr lang="es-ES" sz="2400"/>
              <a:t> CPN    3ème visite  </a:t>
            </a:r>
          </a:p>
        </p:txBody>
      </p:sp>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rtlCol="0" wrap="square">
            <a:spAutoFit/>
          </a:bodyPr>
          <a:lstStyle/>
          <a:p txid="fbda09140c6dc5afd3b7b93a1fb8d9dd">
            <a:pPr algn="l" indent="-457200" marL="457200">
              <a:lnSpc>
                <a:spcPts val="3300"/>
              </a:lnSpc>
              <a:buClr>
                <a:srgbClr val="008CCF"/>
              </a:buClr>
              <a:buFont typeface="+mj-lt"/>
              <a:buAutoNum type="arabicPeriod"/>
            </a:pPr>
            <a:r>
              <a:rPr lang="es-ES" sz="2400">
                <a:latin typeface="+mj-lt"/>
              </a:rPr>
              <a:t> Exclure les informations inutiles </a:t>
            </a:r>
            <a:r>
              <a:rPr lang="es-ES" sz="2400"/>
            </a:r>
          </a:p>
          <a:p txid="0dca51a95dcd02f1d385e9290464ac35">
            <a:pPr algn="l" indent="-457200" marL="457200">
              <a:lnSpc>
                <a:spcPts val="3300"/>
              </a:lnSpc>
              <a:buClr>
                <a:srgbClr val="008CCF"/>
              </a:buClr>
              <a:buFont typeface="+mj-lt"/>
              <a:buAutoNum type="arabicPeriod"/>
            </a:pPr>
            <a:r>
              <a:rPr lang="es-ES" sz="2400"/>
              <a:t> Placez les  informations clés au début du nom</a:t>
            </a:r>
            <a:r>
              <a:rPr lang="es-ES" sz="2400">
                <a:latin typeface="+mj-lt"/>
              </a:rPr>
            </a:r>
          </a:p>
        </p:txBody>
      </p:sp>
      <p:sp>
        <p:nvSpPr>
          <p:cNvPr id="10" name="TextBox 9">
            <a:extLst>
              <a:ext uri="{FF2B5EF4-FFF2-40B4-BE49-F238E27FC236}">
                <a16:creationId xmlns:a16="http://schemas.microsoft.com/office/drawing/2014/main" id="{816DA2AE-CCD6-2386-E76F-C1E1DE8A4F35}"/>
              </a:ext>
            </a:extLst>
          </p:cNvPr>
          <p:cNvSpPr txBox="1"/>
          <p:nvPr/>
        </p:nvSpPr>
        <p:spPr>
          <a:xfrm>
            <a:off x="4494889" y="2530160"/>
            <a:ext cx="2159911" cy="585738"/>
          </a:xfrm>
          <a:prstGeom prst="rect">
            <a:avLst/>
          </a:prstGeom>
          <a:noFill/>
        </p:spPr>
        <p:txBody>
          <a:bodyPr rtlCol="0" wrap="square">
            <a:spAutoFit/>
          </a:bodyPr>
          <a:lstStyle/>
          <a:p txid="34944c38d68e3390f15d1932c6b25929">
            <a:pPr algn="l">
              <a:lnSpc>
                <a:spcPct val="150000"/>
              </a:lnSpc>
              <a:buClr>
                <a:srgbClr val="008CCF"/>
              </a:buClr>
            </a:pPr>
            <a:r>
              <a:rPr lang="es-ES" sz="2400">
                <a:solidFill>
                  <a:srgbClr val="FF7330"/>
                </a:solidFill>
              </a:rPr>
              <a:t> </a:t>
            </a:r>
            <a:r>
              <a:rPr lang="es-ES" sz="2400"/>
              <a:t> CPN    1ère visite  </a:t>
            </a:r>
          </a:p>
        </p:txBody>
      </p:sp>
      <p:sp>
        <p:nvSpPr>
          <p:cNvPr id="19" name="TextBox 18">
            <a:extLst>
              <a:ext uri="{FF2B5EF4-FFF2-40B4-BE49-F238E27FC236}">
                <a16:creationId xmlns:a16="http://schemas.microsoft.com/office/drawing/2014/main" id="{97A6CAA2-DD64-A8AB-3C07-0F5180D8D54A}"/>
              </a:ext>
            </a:extLst>
          </p:cNvPr>
          <p:cNvSpPr txBox="1"/>
          <p:nvPr/>
        </p:nvSpPr>
        <p:spPr>
          <a:xfrm>
            <a:off x="4494889" y="4157603"/>
            <a:ext cx="2159911" cy="585738"/>
          </a:xfrm>
          <a:prstGeom prst="rect">
            <a:avLst/>
          </a:prstGeom>
          <a:noFill/>
        </p:spPr>
        <p:txBody>
          <a:bodyPr rtlCol="0" wrap="square">
            <a:spAutoFit/>
          </a:bodyPr>
          <a:lstStyle/>
          <a:p txid="985b4ef94d25423f2b4a90e4d1e10361">
            <a:pPr>
              <a:lnSpc>
                <a:spcPct val="150000"/>
              </a:lnSpc>
              <a:buClr>
                <a:srgbClr val="008CCF"/>
              </a:buClr>
            </a:pPr>
            <a:r>
              <a:rPr lang="es-ES" sz="2400">
                <a:solidFill>
                  <a:srgbClr val="FF7330"/>
                </a:solidFill>
              </a:rPr>
              <a:t> </a:t>
            </a:r>
            <a:r>
              <a:rPr lang="es-ES" sz="2400"/>
              <a:t> CPN    4ème visite  </a:t>
            </a:r>
          </a:p>
        </p:txBody>
      </p:sp>
      <p:cxnSp>
        <p:nvCxnSpPr>
          <p:cNvPr id="8" name="Straight Connector 7">
            <a:extLst>
              <a:ext uri="{FF2B5EF4-FFF2-40B4-BE49-F238E27FC236}">
                <a16:creationId xmlns:a16="http://schemas.microsoft.com/office/drawing/2014/main" id="{74F3A3A9-6A2D-F046-1364-856B49A2BDC5}"/>
              </a:ext>
            </a:extLst>
          </p:cNvPr>
          <p:cNvCxnSpPr>
            <a:cxnSpLocks/>
          </p:cNvCxnSpPr>
          <p:nvPr/>
        </p:nvCxnSpPr>
        <p:spPr>
          <a:xfrm>
            <a:off x="5309565" y="3086870"/>
            <a:ext cx="457200"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A609508E-D257-7740-3566-DBEABB6E2971}"/>
              </a:ext>
            </a:extLst>
          </p:cNvPr>
          <p:cNvCxnSpPr>
            <a:cxnSpLocks/>
          </p:cNvCxnSpPr>
          <p:nvPr/>
        </p:nvCxnSpPr>
        <p:spPr>
          <a:xfrm>
            <a:off x="5309565" y="3652924"/>
            <a:ext cx="457200"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9855676-CA36-E893-6923-2C36675C88EC}"/>
              </a:ext>
            </a:extLst>
          </p:cNvPr>
          <p:cNvCxnSpPr>
            <a:cxnSpLocks/>
          </p:cNvCxnSpPr>
          <p:nvPr/>
        </p:nvCxnSpPr>
        <p:spPr>
          <a:xfrm>
            <a:off x="5309565" y="4160921"/>
            <a:ext cx="457200"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0F92D5AE-F302-8E72-D4D4-B7445D48573C}"/>
              </a:ext>
            </a:extLst>
          </p:cNvPr>
          <p:cNvCxnSpPr>
            <a:cxnSpLocks/>
          </p:cNvCxnSpPr>
          <p:nvPr/>
        </p:nvCxnSpPr>
        <p:spPr>
          <a:xfrm>
            <a:off x="5309565" y="4705205"/>
            <a:ext cx="457200" cy="0"/>
          </a:xfrm>
          <a:prstGeom prst="line">
            <a:avLst/>
          </a:prstGeom>
          <a:ln cap="rnd" w="57150">
            <a:solidFill>
              <a:srgbClr val="FF0000"/>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013263087"/>
      </p:ext>
    </p:extLst>
  </p:cSld>
  <p:clrMapOvr>
    <a:masterClrMapping/>
  </p:clrMapOvr>
  <mc:AlternateContent xmlns:mc="http://schemas.openxmlformats.org/markup-compatibility/2006" xmlns:p159="http://schemas.microsoft.com/office/powerpoint/2015/09/main">
    <mc:Choice Requires="p159">
      <p:transition advTm="13231" spd="slow">
        <p159:morph option="byObject"/>
      </p:transition>
    </mc:Choice>
    <mc:Fallback xmlns="">
      <p:transition advTm="13231"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8">
                                  <p:stCondLst>
                                    <p:cond delay="0"/>
                                  </p:stCondLst>
                                  <p:childTnLst>
                                    <p:set>
                                      <p:cBhvr>
                                        <p:cTn dur="1" fill="hold" id="6">
                                          <p:stCondLst>
                                            <p:cond delay="0"/>
                                          </p:stCondLst>
                                        </p:cTn>
                                        <p:tgtEl>
                                          <p:spTgt spid="8"/>
                                        </p:tgtEl>
                                        <p:attrNameLst>
                                          <p:attrName>style.visibility</p:attrName>
                                        </p:attrNameLst>
                                      </p:cBhvr>
                                      <p:to>
                                        <p:strVal val="visible"/>
                                      </p:to>
                                    </p:set>
                                    <p:animEffect filter="wipe(left)" transition="in">
                                      <p:cBhvr>
                                        <p:cTn dur="500" id="7"/>
                                        <p:tgtEl>
                                          <p:spTgt spid="8"/>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8">
                                  <p:stCondLst>
                                    <p:cond delay="0"/>
                                  </p:stCondLst>
                                  <p:childTnLst>
                                    <p:set>
                                      <p:cBhvr>
                                        <p:cTn dur="1" fill="hold" id="11">
                                          <p:stCondLst>
                                            <p:cond delay="0"/>
                                          </p:stCondLst>
                                        </p:cTn>
                                        <p:tgtEl>
                                          <p:spTgt spid="9"/>
                                        </p:tgtEl>
                                        <p:attrNameLst>
                                          <p:attrName>style.visibility</p:attrName>
                                        </p:attrNameLst>
                                      </p:cBhvr>
                                      <p:to>
                                        <p:strVal val="visible"/>
                                      </p:to>
                                    </p:set>
                                    <p:animEffect filter="wipe(left)" transition="in">
                                      <p:cBhvr>
                                        <p:cTn dur="500" id="12"/>
                                        <p:tgtEl>
                                          <p:spTgt spid="9"/>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14"/>
                                        </p:tgtEl>
                                        <p:attrNameLst>
                                          <p:attrName>style.visibility</p:attrName>
                                        </p:attrNameLst>
                                      </p:cBhvr>
                                      <p:to>
                                        <p:strVal val="visible"/>
                                      </p:to>
                                    </p:set>
                                    <p:animEffect filter="wipe(left)" transition="in">
                                      <p:cBhvr>
                                        <p:cTn dur="500" id="17"/>
                                        <p:tgtEl>
                                          <p:spTgt spid="14"/>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15"/>
                                        </p:tgtEl>
                                        <p:attrNameLst>
                                          <p:attrName>style.visibility</p:attrName>
                                        </p:attrNameLst>
                                      </p:cBhvr>
                                      <p:to>
                                        <p:strVal val="visible"/>
                                      </p:to>
                                    </p:set>
                                    <p:animEffect filter="wipe(left)" transition="in">
                                      <p:cBhvr>
                                        <p:cTn dur="500" id="22"/>
                                        <p:tgtEl>
                                          <p:spTgt spid="15"/>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xit" presetID="22" presetSubtype="8">
                                  <p:stCondLst>
                                    <p:cond delay="0"/>
                                  </p:stCondLst>
                                  <p:childTnLst>
                                    <p:animEffect filter="wipe(left)" transition="out">
                                      <p:cBhvr>
                                        <p:cTn dur="500" id="26"/>
                                        <p:tgtEl>
                                          <p:spTgt spid="8"/>
                                        </p:tgtEl>
                                      </p:cBhvr>
                                    </p:animEffect>
                                    <p:set>
                                      <p:cBhvr>
                                        <p:cTn dur="1" fill="hold" id="27">
                                          <p:stCondLst>
                                            <p:cond delay="499"/>
                                          </p:stCondLst>
                                        </p:cTn>
                                        <p:tgtEl>
                                          <p:spTgt spid="8"/>
                                        </p:tgtEl>
                                        <p:attrNameLst>
                                          <p:attrName>style.visibility</p:attrName>
                                        </p:attrNameLst>
                                      </p:cBhvr>
                                      <p:to>
                                        <p:strVal val="hidden"/>
                                      </p:to>
                                    </p:set>
                                  </p:childTnLst>
                                </p:cTn>
                              </p:par>
                              <p:par>
                                <p:cTn fill="hold" id="28" nodeType="withEffect" presetClass="exit" presetID="22" presetSubtype="8">
                                  <p:stCondLst>
                                    <p:cond delay="0"/>
                                  </p:stCondLst>
                                  <p:childTnLst>
                                    <p:animEffect filter="wipe(left)" transition="out">
                                      <p:cBhvr>
                                        <p:cTn dur="500" id="29"/>
                                        <p:tgtEl>
                                          <p:spTgt spid="9"/>
                                        </p:tgtEl>
                                      </p:cBhvr>
                                    </p:animEffect>
                                    <p:set>
                                      <p:cBhvr>
                                        <p:cTn dur="1" fill="hold" id="30">
                                          <p:stCondLst>
                                            <p:cond delay="499"/>
                                          </p:stCondLst>
                                        </p:cTn>
                                        <p:tgtEl>
                                          <p:spTgt spid="9"/>
                                        </p:tgtEl>
                                        <p:attrNameLst>
                                          <p:attrName>style.visibility</p:attrName>
                                        </p:attrNameLst>
                                      </p:cBhvr>
                                      <p:to>
                                        <p:strVal val="hidden"/>
                                      </p:to>
                                    </p:set>
                                  </p:childTnLst>
                                </p:cTn>
                              </p:par>
                              <p:par>
                                <p:cTn fill="hold" id="31" nodeType="withEffect" presetClass="exit" presetID="22" presetSubtype="8">
                                  <p:stCondLst>
                                    <p:cond delay="0"/>
                                  </p:stCondLst>
                                  <p:childTnLst>
                                    <p:animEffect filter="wipe(left)" transition="out">
                                      <p:cBhvr>
                                        <p:cTn dur="500" id="32"/>
                                        <p:tgtEl>
                                          <p:spTgt spid="14"/>
                                        </p:tgtEl>
                                      </p:cBhvr>
                                    </p:animEffect>
                                    <p:set>
                                      <p:cBhvr>
                                        <p:cTn dur="1" fill="hold" id="33">
                                          <p:stCondLst>
                                            <p:cond delay="499"/>
                                          </p:stCondLst>
                                        </p:cTn>
                                        <p:tgtEl>
                                          <p:spTgt spid="14"/>
                                        </p:tgtEl>
                                        <p:attrNameLst>
                                          <p:attrName>style.visibility</p:attrName>
                                        </p:attrNameLst>
                                      </p:cBhvr>
                                      <p:to>
                                        <p:strVal val="hidden"/>
                                      </p:to>
                                    </p:set>
                                  </p:childTnLst>
                                </p:cTn>
                              </p:par>
                              <p:par>
                                <p:cTn fill="hold" id="34" nodeType="withEffect" presetClass="exit" presetID="22" presetSubtype="8">
                                  <p:stCondLst>
                                    <p:cond delay="0"/>
                                  </p:stCondLst>
                                  <p:childTnLst>
                                    <p:animEffect filter="wipe(left)" transition="out">
                                      <p:cBhvr>
                                        <p:cTn dur="500" id="35"/>
                                        <p:tgtEl>
                                          <p:spTgt spid="15"/>
                                        </p:tgtEl>
                                      </p:cBhvr>
                                    </p:animEffect>
                                    <p:set>
                                      <p:cBhvr>
                                        <p:cTn dur="1" fill="hold" id="36">
                                          <p:stCondLst>
                                            <p:cond delay="499"/>
                                          </p:stCondLst>
                                        </p:cTn>
                                        <p:tgtEl>
                                          <p:spTgt spid="15"/>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2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6" name="Picture 2">
            <a:extLst>
              <a:ext uri="{FF2B5EF4-FFF2-40B4-BE49-F238E27FC236}">
                <a16:creationId xmlns:a16="http://schemas.microsoft.com/office/drawing/2014/main" id="{38D01397-06FC-CCD5-B432-B73CF5A11B8E}"/>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5549864" y="1757654"/>
            <a:ext cx="5306825" cy="3999346"/>
          </a:xfrm>
          <a:prstGeom prst="rect">
            <a:avLst/>
          </a:prstGeom>
          <a:noFill/>
          <a:extLst>
            <a:ext uri="{909E8E84-426E-40DD-AFC4-6F175D3DCCD1}">
              <a14:hiddenFill xmlns:a14="http://schemas.microsoft.com/office/drawing/2010/main">
                <a:solidFill>
                  <a:srgbClr val="FFFFFF"/>
                </a:solidFill>
              </a14:hiddenFill>
            </a:ext>
          </a:extLst>
        </p:spPr>
      </p:pic>
      <p:sp>
        <p:nvSpPr>
          <p:cNvPr id="11" name="TextBox 10">
            <a:extLst>
              <a:ext uri="{FF2B5EF4-FFF2-40B4-BE49-F238E27FC236}">
                <a16:creationId xmlns:a16="http://schemas.microsoft.com/office/drawing/2014/main" id="{7242A716-36EE-C275-A099-B3888E746FF8}"/>
              </a:ext>
            </a:extLst>
          </p:cNvPr>
          <p:cNvSpPr txBox="1"/>
          <p:nvPr/>
        </p:nvSpPr>
        <p:spPr>
          <a:xfrm>
            <a:off x="2970898" y="3072641"/>
            <a:ext cx="2159911" cy="585738"/>
          </a:xfrm>
          <a:prstGeom prst="rect">
            <a:avLst/>
          </a:prstGeom>
          <a:noFill/>
        </p:spPr>
        <p:txBody>
          <a:bodyPr rtlCol="0" wrap="square">
            <a:spAutoFit/>
          </a:bodyPr>
          <a:lstStyle/>
          <a:p txid="d11693b519e8f356ff229492907aefcb">
            <a:pPr algn="l">
              <a:lnSpc>
                <a:spcPct val="150000"/>
              </a:lnSpc>
              <a:buClr>
                <a:srgbClr val="008CCF"/>
              </a:buClr>
            </a:pPr>
            <a:r>
              <a:rPr lang="es-ES" sz="2400">
                <a:solidFill>
                  <a:srgbClr val="FF7330"/>
                </a:solidFill>
              </a:rPr>
              <a:t> </a:t>
            </a:r>
            <a:r>
              <a:rPr lang="es-ES" sz="2400"/>
              <a:t> CPN    2ème visite  </a:t>
            </a:r>
          </a:p>
        </p:txBody>
      </p:sp>
      <p:sp>
        <p:nvSpPr>
          <p:cNvPr id="13" name="TextBox 12">
            <a:extLst>
              <a:ext uri="{FF2B5EF4-FFF2-40B4-BE49-F238E27FC236}">
                <a16:creationId xmlns:a16="http://schemas.microsoft.com/office/drawing/2014/main" id="{6E9153EC-5199-7207-B403-C1AC12C2DFBD}"/>
              </a:ext>
            </a:extLst>
          </p:cNvPr>
          <p:cNvSpPr txBox="1"/>
          <p:nvPr/>
        </p:nvSpPr>
        <p:spPr>
          <a:xfrm>
            <a:off x="2970898" y="3615122"/>
            <a:ext cx="2159911" cy="585738"/>
          </a:xfrm>
          <a:prstGeom prst="rect">
            <a:avLst/>
          </a:prstGeom>
          <a:noFill/>
        </p:spPr>
        <p:txBody>
          <a:bodyPr rtlCol="0" wrap="square">
            <a:spAutoFit/>
          </a:bodyPr>
          <a:lstStyle/>
          <a:p txid="2a01db0faf2c9672501cc7b0825902e6">
            <a:pPr algn="l">
              <a:lnSpc>
                <a:spcPct val="150000"/>
              </a:lnSpc>
              <a:buClr>
                <a:srgbClr val="008CCF"/>
              </a:buClr>
            </a:pPr>
            <a:r>
              <a:rPr lang="es-ES" sz="2400">
                <a:solidFill>
                  <a:srgbClr val="FF7330"/>
                </a:solidFill>
              </a:rPr>
              <a:t> </a:t>
            </a:r>
            <a:r>
              <a:rPr lang="es-ES" sz="2400"/>
              <a:t> CPN    3ème visite  </a:t>
            </a:r>
          </a:p>
        </p:txBody>
      </p:sp>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rtlCol="0" wrap="square">
            <a:spAutoFit/>
          </a:bodyPr>
          <a:lstStyle/>
          <a:p txid="fbda09140c6dc5afd3b7b93a1fb8d9dd">
            <a:pPr algn="l" indent="-457200" marL="457200">
              <a:lnSpc>
                <a:spcPts val="3300"/>
              </a:lnSpc>
              <a:buClr>
                <a:srgbClr val="008CCF"/>
              </a:buClr>
              <a:buFont typeface="+mj-lt"/>
              <a:buAutoNum type="arabicPeriod"/>
            </a:pPr>
            <a:r>
              <a:rPr lang="es-ES" sz="2400">
                <a:latin typeface="+mj-lt"/>
              </a:rPr>
              <a:t> Exclure les informations inutiles </a:t>
            </a:r>
            <a:r>
              <a:rPr lang="es-ES" sz="2400"/>
            </a:r>
          </a:p>
          <a:p txid="0dca51a95dcd02f1d385e9290464ac35">
            <a:pPr algn="l" indent="-457200" marL="457200">
              <a:lnSpc>
                <a:spcPts val="3300"/>
              </a:lnSpc>
              <a:buClr>
                <a:srgbClr val="008CCF"/>
              </a:buClr>
              <a:buFont typeface="+mj-lt"/>
              <a:buAutoNum type="arabicPeriod"/>
            </a:pPr>
            <a:r>
              <a:rPr lang="es-ES" sz="2400"/>
              <a:t> Placez les  informations clés au début du nom</a:t>
            </a:r>
            <a:r>
              <a:rPr lang="es-ES" sz="2400">
                <a:latin typeface="+mj-lt"/>
              </a:rPr>
            </a:r>
          </a:p>
        </p:txBody>
      </p:sp>
      <p:sp>
        <p:nvSpPr>
          <p:cNvPr id="10" name="TextBox 9">
            <a:extLst>
              <a:ext uri="{FF2B5EF4-FFF2-40B4-BE49-F238E27FC236}">
                <a16:creationId xmlns:a16="http://schemas.microsoft.com/office/drawing/2014/main" id="{816DA2AE-CCD6-2386-E76F-C1E1DE8A4F35}"/>
              </a:ext>
            </a:extLst>
          </p:cNvPr>
          <p:cNvSpPr txBox="1"/>
          <p:nvPr/>
        </p:nvSpPr>
        <p:spPr>
          <a:xfrm>
            <a:off x="2970898" y="2530160"/>
            <a:ext cx="2159911" cy="585738"/>
          </a:xfrm>
          <a:prstGeom prst="rect">
            <a:avLst/>
          </a:prstGeom>
          <a:noFill/>
        </p:spPr>
        <p:txBody>
          <a:bodyPr rtlCol="0" wrap="square">
            <a:spAutoFit/>
          </a:bodyPr>
          <a:lstStyle/>
          <a:p txid="34944c38d68e3390f15d1932c6b25929">
            <a:pPr algn="l">
              <a:lnSpc>
                <a:spcPct val="150000"/>
              </a:lnSpc>
              <a:buClr>
                <a:srgbClr val="008CCF"/>
              </a:buClr>
            </a:pPr>
            <a:r>
              <a:rPr lang="es-ES" sz="2400">
                <a:solidFill>
                  <a:srgbClr val="FF7330"/>
                </a:solidFill>
              </a:rPr>
              <a:t> </a:t>
            </a:r>
            <a:r>
              <a:rPr lang="es-ES" sz="2400"/>
              <a:t> CPN    1ère visite  </a:t>
            </a:r>
          </a:p>
        </p:txBody>
      </p:sp>
      <p:sp>
        <p:nvSpPr>
          <p:cNvPr id="19" name="TextBox 18">
            <a:extLst>
              <a:ext uri="{FF2B5EF4-FFF2-40B4-BE49-F238E27FC236}">
                <a16:creationId xmlns:a16="http://schemas.microsoft.com/office/drawing/2014/main" id="{97A6CAA2-DD64-A8AB-3C07-0F5180D8D54A}"/>
              </a:ext>
            </a:extLst>
          </p:cNvPr>
          <p:cNvSpPr txBox="1"/>
          <p:nvPr/>
        </p:nvSpPr>
        <p:spPr>
          <a:xfrm>
            <a:off x="2970898" y="4157603"/>
            <a:ext cx="2159911" cy="585738"/>
          </a:xfrm>
          <a:prstGeom prst="rect">
            <a:avLst/>
          </a:prstGeom>
          <a:noFill/>
        </p:spPr>
        <p:txBody>
          <a:bodyPr rtlCol="0" wrap="square">
            <a:spAutoFit/>
          </a:bodyPr>
          <a:lstStyle/>
          <a:p txid="985b4ef94d25423f2b4a90e4d1e10361">
            <a:pPr>
              <a:lnSpc>
                <a:spcPct val="150000"/>
              </a:lnSpc>
              <a:buClr>
                <a:srgbClr val="008CCF"/>
              </a:buClr>
            </a:pPr>
            <a:r>
              <a:rPr lang="es-ES" sz="2400">
                <a:solidFill>
                  <a:srgbClr val="FF7330"/>
                </a:solidFill>
              </a:rPr>
              <a:t> </a:t>
            </a:r>
            <a:r>
              <a:rPr lang="es-ES" sz="2400"/>
              <a:t> CPN    4ème visite  </a:t>
            </a:r>
          </a:p>
        </p:txBody>
      </p:sp>
    </p:spTree>
    <p:custDataLst>
      <p:tags r:id="rId1"/>
    </p:custDataLst>
    <p:extLst>
      <p:ext uri="{BB962C8B-B14F-4D97-AF65-F5344CB8AC3E}">
        <p14:creationId xmlns:p14="http://schemas.microsoft.com/office/powerpoint/2010/main" val="1075328414"/>
      </p:ext>
    </p:extLst>
  </p:cSld>
  <p:clrMapOvr>
    <a:masterClrMapping/>
  </p:clrMapOvr>
  <mc:AlternateContent xmlns:mc="http://schemas.openxmlformats.org/markup-compatibility/2006" xmlns:p159="http://schemas.microsoft.com/office/powerpoint/2015/09/main">
    <mc:Choice Requires="p159">
      <p:transition advTm="11496" spd="slow">
        <p159:morph option="byObject"/>
      </p:transition>
    </mc:Choice>
    <mc:Fallback xmlns="">
      <p:transition advTm="11496"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6"/>
                                        </p:tgtEl>
                                        <p:attrNameLst>
                                          <p:attrName>style.visibility</p:attrName>
                                        </p:attrNameLst>
                                      </p:cBhvr>
                                      <p:to>
                                        <p:strVal val="visible"/>
                                      </p:to>
                                    </p:set>
                                    <p:anim calcmode="lin" valueType="num">
                                      <p:cBhvr additive="base">
                                        <p:cTn dur="500" fill="hold" id="7"/>
                                        <p:tgtEl>
                                          <p:spTgt spid="16"/>
                                        </p:tgtEl>
                                        <p:attrNameLst>
                                          <p:attrName>ppt_x</p:attrName>
                                        </p:attrNameLst>
                                      </p:cBhvr>
                                      <p:tavLst>
                                        <p:tav tm="0">
                                          <p:val>
                                            <p:strVal val="#ppt_x"/>
                                          </p:val>
                                        </p:tav>
                                        <p:tav tm="100000">
                                          <p:val>
                                            <p:strVal val="#ppt_x"/>
                                          </p:val>
                                        </p:tav>
                                      </p:tavLst>
                                    </p:anim>
                                    <p:anim calcmode="lin" valueType="num">
                                      <p:cBhvr additive="base">
                                        <p:cTn dur="500" fill="hold" id="8"/>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2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1" name="TextBox 10">
            <a:extLst>
              <a:ext uri="{FF2B5EF4-FFF2-40B4-BE49-F238E27FC236}">
                <a16:creationId xmlns:a16="http://schemas.microsoft.com/office/drawing/2014/main" id="{7242A716-36EE-C275-A099-B3888E746FF8}"/>
              </a:ext>
            </a:extLst>
          </p:cNvPr>
          <p:cNvSpPr txBox="1"/>
          <p:nvPr/>
        </p:nvSpPr>
        <p:spPr>
          <a:xfrm>
            <a:off x="6642999" y="3072641"/>
            <a:ext cx="2159911" cy="585738"/>
          </a:xfrm>
          <a:prstGeom prst="rect">
            <a:avLst/>
          </a:prstGeom>
          <a:noFill/>
        </p:spPr>
        <p:txBody>
          <a:bodyPr rtlCol="0" wrap="square">
            <a:spAutoFit/>
          </a:bodyPr>
          <a:lstStyle/>
          <a:p txid="d7e161bc0a3f4b9ada28d2786853d4e2">
            <a:pPr algn="l">
              <a:lnSpc>
                <a:spcPct val="150000"/>
              </a:lnSpc>
              <a:buClr>
                <a:srgbClr val="008CCF"/>
              </a:buClr>
            </a:pPr>
            <a:r>
              <a:rPr lang="es-ES" sz="2400"/>
              <a:t>CPN 2ème visite</a:t>
            </a:r>
          </a:p>
        </p:txBody>
      </p:sp>
      <p:sp>
        <p:nvSpPr>
          <p:cNvPr id="13" name="TextBox 12">
            <a:extLst>
              <a:ext uri="{FF2B5EF4-FFF2-40B4-BE49-F238E27FC236}">
                <a16:creationId xmlns:a16="http://schemas.microsoft.com/office/drawing/2014/main" id="{6E9153EC-5199-7207-B403-C1AC12C2DFBD}"/>
              </a:ext>
            </a:extLst>
          </p:cNvPr>
          <p:cNvSpPr txBox="1"/>
          <p:nvPr/>
        </p:nvSpPr>
        <p:spPr>
          <a:xfrm>
            <a:off x="6642999" y="3615122"/>
            <a:ext cx="2159911" cy="585738"/>
          </a:xfrm>
          <a:prstGeom prst="rect">
            <a:avLst/>
          </a:prstGeom>
          <a:noFill/>
        </p:spPr>
        <p:txBody>
          <a:bodyPr rtlCol="0" wrap="square">
            <a:spAutoFit/>
          </a:bodyPr>
          <a:lstStyle/>
          <a:p txid="35485da76145062b9efafbd9ef9fd233">
            <a:pPr algn="l">
              <a:lnSpc>
                <a:spcPct val="150000"/>
              </a:lnSpc>
              <a:buClr>
                <a:srgbClr val="008CCF"/>
              </a:buClr>
            </a:pPr>
            <a:r>
              <a:rPr lang="es-ES" sz="2400"/>
              <a:t>CPN 3ème visite</a:t>
            </a:r>
          </a:p>
        </p:txBody>
      </p:sp>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rtlCol="0" wrap="square">
            <a:spAutoFit/>
          </a:bodyPr>
          <a:lstStyle/>
          <a:p txid="fbda09140c6dc5afd3b7b93a1fb8d9dd">
            <a:pPr algn="l" indent="-457200" marL="457200">
              <a:lnSpc>
                <a:spcPts val="3300"/>
              </a:lnSpc>
              <a:buClr>
                <a:srgbClr val="008CCF"/>
              </a:buClr>
              <a:buFont typeface="+mj-lt"/>
              <a:buAutoNum type="arabicPeriod"/>
            </a:pPr>
            <a:r>
              <a:rPr lang="es-ES" sz="2400">
                <a:latin typeface="+mj-lt"/>
              </a:rPr>
              <a:t> Exclure les informations inutiles </a:t>
            </a:r>
            <a:r>
              <a:rPr lang="es-ES" sz="2400"/>
            </a:r>
          </a:p>
          <a:p txid="0dca51a95dcd02f1d385e9290464ac35">
            <a:pPr algn="l" indent="-457200" marL="457200">
              <a:lnSpc>
                <a:spcPts val="3300"/>
              </a:lnSpc>
              <a:buClr>
                <a:srgbClr val="008CCF"/>
              </a:buClr>
              <a:buFont typeface="+mj-lt"/>
              <a:buAutoNum type="arabicPeriod"/>
            </a:pPr>
            <a:r>
              <a:rPr lang="es-ES" sz="2400"/>
              <a:t> Placez les  informations clés au début du nom</a:t>
            </a:r>
            <a:r>
              <a:rPr lang="es-ES" sz="2400">
                <a:latin typeface="+mj-lt"/>
              </a:rPr>
            </a:r>
          </a:p>
        </p:txBody>
      </p:sp>
      <p:sp>
        <p:nvSpPr>
          <p:cNvPr id="10" name="TextBox 9">
            <a:extLst>
              <a:ext uri="{FF2B5EF4-FFF2-40B4-BE49-F238E27FC236}">
                <a16:creationId xmlns:a16="http://schemas.microsoft.com/office/drawing/2014/main" id="{816DA2AE-CCD6-2386-E76F-C1E1DE8A4F35}"/>
              </a:ext>
            </a:extLst>
          </p:cNvPr>
          <p:cNvSpPr txBox="1"/>
          <p:nvPr/>
        </p:nvSpPr>
        <p:spPr>
          <a:xfrm>
            <a:off x="6642999" y="2530160"/>
            <a:ext cx="2159911" cy="585738"/>
          </a:xfrm>
          <a:prstGeom prst="rect">
            <a:avLst/>
          </a:prstGeom>
          <a:noFill/>
        </p:spPr>
        <p:txBody>
          <a:bodyPr rtlCol="0" wrap="square">
            <a:spAutoFit/>
          </a:bodyPr>
          <a:lstStyle/>
          <a:p txid="0c4ab918aadabd01e563b8aa1f1e4ec6">
            <a:pPr algn="l">
              <a:lnSpc>
                <a:spcPct val="150000"/>
              </a:lnSpc>
              <a:buClr>
                <a:srgbClr val="008CCF"/>
              </a:buClr>
            </a:pPr>
            <a:r>
              <a:rPr lang="es-ES" sz="2400"/>
              <a:t>CPN 1ère visite</a:t>
            </a:r>
          </a:p>
        </p:txBody>
      </p:sp>
      <p:sp>
        <p:nvSpPr>
          <p:cNvPr id="19" name="TextBox 18">
            <a:extLst>
              <a:ext uri="{FF2B5EF4-FFF2-40B4-BE49-F238E27FC236}">
                <a16:creationId xmlns:a16="http://schemas.microsoft.com/office/drawing/2014/main" id="{97A6CAA2-DD64-A8AB-3C07-0F5180D8D54A}"/>
              </a:ext>
            </a:extLst>
          </p:cNvPr>
          <p:cNvSpPr txBox="1"/>
          <p:nvPr/>
        </p:nvSpPr>
        <p:spPr>
          <a:xfrm>
            <a:off x="6642999" y="4157603"/>
            <a:ext cx="2159911" cy="585738"/>
          </a:xfrm>
          <a:prstGeom prst="rect">
            <a:avLst/>
          </a:prstGeom>
          <a:noFill/>
        </p:spPr>
        <p:txBody>
          <a:bodyPr rtlCol="0" wrap="square">
            <a:spAutoFit/>
          </a:bodyPr>
          <a:lstStyle/>
          <a:p txid="e5e092ab223639ea08dc2bf8a22057d7">
            <a:pPr>
              <a:lnSpc>
                <a:spcPct val="150000"/>
              </a:lnSpc>
              <a:buClr>
                <a:srgbClr val="008CCF"/>
              </a:buClr>
            </a:pPr>
            <a:r>
              <a:rPr lang="es-ES" sz="2400"/>
              <a:t>CPN 4ème visite</a:t>
            </a:r>
          </a:p>
        </p:txBody>
      </p:sp>
      <p:grpSp>
        <p:nvGrpSpPr>
          <p:cNvPr id="9" name="Group 8">
            <a:extLst>
              <a:ext uri="{FF2B5EF4-FFF2-40B4-BE49-F238E27FC236}">
                <a16:creationId xmlns:a16="http://schemas.microsoft.com/office/drawing/2014/main" id="{8EF5B8FE-12BC-A26F-906D-357E4316D555}"/>
              </a:ext>
            </a:extLst>
          </p:cNvPr>
          <p:cNvGrpSpPr/>
          <p:nvPr/>
        </p:nvGrpSpPr>
        <p:grpSpPr>
          <a:xfrm>
            <a:off x="2785246" y="2600915"/>
            <a:ext cx="2586537" cy="1894524"/>
            <a:chOff x="9400591" y="4042175"/>
            <a:chExt cx="1285506" cy="941576"/>
          </a:xfrm>
        </p:grpSpPr>
        <p:sp>
          <p:nvSpPr>
            <p:cNvPr id="14" name="Freeform: Shape 13">
              <a:extLst>
                <a:ext uri="{FF2B5EF4-FFF2-40B4-BE49-F238E27FC236}">
                  <a16:creationId xmlns:a16="http://schemas.microsoft.com/office/drawing/2014/main" id="{04478147-AD0D-1B70-CB06-81073B0BA35C}"/>
                </a:ext>
              </a:extLst>
            </p:cNvPr>
            <p:cNvSpPr/>
            <p:nvPr/>
          </p:nvSpPr>
          <p:spPr>
            <a:xfrm>
              <a:off x="9469270" y="4042175"/>
              <a:ext cx="272503" cy="272503"/>
            </a:xfrm>
            <a:custGeom>
              <a:avLst/>
              <a:gdLst>
                <a:gd fmla="*/ 272504 w 272503" name="connsiteX0"/>
                <a:gd fmla="*/ 136252 h 272503" name="connsiteY0"/>
                <a:gd fmla="*/ 136252 w 272503" name="connsiteX1"/>
                <a:gd fmla="*/ 272503 h 272503" name="connsiteY1"/>
                <a:gd fmla="*/ 0 w 272503" name="connsiteX2"/>
                <a:gd fmla="*/ 136252 h 272503" name="connsiteY2"/>
                <a:gd fmla="*/ 136252 w 272503" name="connsiteX3"/>
                <a:gd fmla="*/ 0 h 272503" name="connsiteY3"/>
                <a:gd fmla="*/ 272504 w 272503" name="connsiteX4"/>
                <a:gd fmla="*/ 136252 h 2725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72503" w="272503">
                  <a:moveTo>
                    <a:pt x="272504" y="136252"/>
                  </a:moveTo>
                  <a:cubicBezTo>
                    <a:pt x="272504" y="211501"/>
                    <a:pt x="211502" y="272503"/>
                    <a:pt x="136252" y="272503"/>
                  </a:cubicBezTo>
                  <a:cubicBezTo>
                    <a:pt x="61002" y="272503"/>
                    <a:pt x="0" y="211501"/>
                    <a:pt x="0" y="136252"/>
                  </a:cubicBezTo>
                  <a:cubicBezTo>
                    <a:pt x="0" y="61002"/>
                    <a:pt x="61002" y="0"/>
                    <a:pt x="136252" y="0"/>
                  </a:cubicBezTo>
                  <a:cubicBezTo>
                    <a:pt x="211502" y="0"/>
                    <a:pt x="272504" y="61002"/>
                    <a:pt x="272504" y="136252"/>
                  </a:cubicBezTo>
                  <a:close/>
                </a:path>
              </a:pathLst>
            </a:custGeom>
            <a:solidFill>
              <a:srgbClr val="093371"/>
            </a:solidFill>
            <a:ln cap="flat" w="2201">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11A33783-41DC-95B8-C1EF-91B8EE7FD850}"/>
                </a:ext>
              </a:extLst>
            </p:cNvPr>
            <p:cNvSpPr/>
            <p:nvPr/>
          </p:nvSpPr>
          <p:spPr>
            <a:xfrm>
              <a:off x="9400591" y="4361203"/>
              <a:ext cx="412078" cy="622548"/>
            </a:xfrm>
            <a:custGeom>
              <a:avLst/>
              <a:gdLst>
                <a:gd fmla="*/ 206039 w 412078" name="connsiteX0"/>
                <a:gd fmla="*/ 0 h 622548" name="connsiteY0"/>
                <a:gd fmla="*/ 206039 w 412078" name="connsiteX1"/>
                <a:gd fmla="*/ 0 h 622548" name="connsiteY1"/>
                <a:gd fmla="*/ 412079 w 412078" name="connsiteX2"/>
                <a:gd fmla="*/ 206039 h 622548" name="connsiteY2"/>
                <a:gd fmla="*/ 412079 w 412078" name="connsiteX3"/>
                <a:gd fmla="*/ 586879 h 622548" name="connsiteY3"/>
                <a:gd fmla="*/ 376409 w 412078" name="connsiteX4"/>
                <a:gd fmla="*/ 622549 h 622548" name="connsiteY4"/>
                <a:gd fmla="*/ 35669 w 412078" name="connsiteX5"/>
                <a:gd fmla="*/ 622549 h 622548" name="connsiteY5"/>
                <a:gd fmla="*/ 0 w 412078" name="connsiteX6"/>
                <a:gd fmla="*/ 586879 h 622548" name="connsiteY6"/>
                <a:gd fmla="*/ 0 w 412078" name="connsiteX7"/>
                <a:gd fmla="*/ 206039 h 622548" name="connsiteY7"/>
                <a:gd fmla="*/ 206039 w 412078" name="connsiteX8"/>
                <a:gd fmla="*/ 0 h 622548"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622548" w="412078">
                  <a:moveTo>
                    <a:pt x="206039" y="0"/>
                  </a:moveTo>
                  <a:lnTo>
                    <a:pt x="206039" y="0"/>
                  </a:lnTo>
                  <a:cubicBezTo>
                    <a:pt x="319760" y="0"/>
                    <a:pt x="412079" y="92319"/>
                    <a:pt x="412079" y="206039"/>
                  </a:cubicBezTo>
                  <a:lnTo>
                    <a:pt x="412079" y="586879"/>
                  </a:lnTo>
                  <a:cubicBezTo>
                    <a:pt x="412079" y="606553"/>
                    <a:pt x="396105" y="622549"/>
                    <a:pt x="376409" y="622549"/>
                  </a:cubicBezTo>
                  <a:lnTo>
                    <a:pt x="35669" y="622549"/>
                  </a:lnTo>
                  <a:cubicBezTo>
                    <a:pt x="15974" y="622549"/>
                    <a:pt x="0" y="606575"/>
                    <a:pt x="0" y="586879"/>
                  </a:cubicBezTo>
                  <a:lnTo>
                    <a:pt x="0" y="206039"/>
                  </a:lnTo>
                  <a:cubicBezTo>
                    <a:pt x="0" y="92319"/>
                    <a:pt x="92319" y="0"/>
                    <a:pt x="206039" y="0"/>
                  </a:cubicBezTo>
                  <a:close/>
                </a:path>
              </a:pathLst>
            </a:custGeom>
            <a:solidFill>
              <a:srgbClr val="093371"/>
            </a:solidFill>
            <a:ln cap="flat" w="2201">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606D6A25-AC93-72EE-56E5-90A05E1246E3}"/>
                </a:ext>
              </a:extLst>
            </p:cNvPr>
            <p:cNvSpPr/>
            <p:nvPr/>
          </p:nvSpPr>
          <p:spPr>
            <a:xfrm>
              <a:off x="9984368" y="4361092"/>
              <a:ext cx="180206" cy="180206"/>
            </a:xfrm>
            <a:custGeom>
              <a:avLst/>
              <a:gdLst>
                <a:gd fmla="*/ 180207 w 180206" name="connsiteX0"/>
                <a:gd fmla="*/ 90103 h 180206" name="connsiteY0"/>
                <a:gd fmla="*/ 90103 w 180206" name="connsiteX1"/>
                <a:gd fmla="*/ 180207 h 180206" name="connsiteY1"/>
                <a:gd fmla="*/ 0 w 180206" name="connsiteX2"/>
                <a:gd fmla="*/ 90103 h 180206" name="connsiteY2"/>
                <a:gd fmla="*/ 90103 w 180206" name="connsiteX3"/>
                <a:gd fmla="*/ 0 h 180206" name="connsiteY3"/>
                <a:gd fmla="*/ 180207 w 180206" name="connsiteX4"/>
                <a:gd fmla="*/ 90103 h 18020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80206" w="180206">
                  <a:moveTo>
                    <a:pt x="180207" y="90103"/>
                  </a:moveTo>
                  <a:cubicBezTo>
                    <a:pt x="180207" y="139866"/>
                    <a:pt x="139866" y="180207"/>
                    <a:pt x="90103" y="180207"/>
                  </a:cubicBezTo>
                  <a:cubicBezTo>
                    <a:pt x="40341" y="180207"/>
                    <a:pt x="0" y="139866"/>
                    <a:pt x="0" y="90103"/>
                  </a:cubicBezTo>
                  <a:cubicBezTo>
                    <a:pt x="0" y="40341"/>
                    <a:pt x="40341" y="0"/>
                    <a:pt x="90103" y="0"/>
                  </a:cubicBezTo>
                  <a:cubicBezTo>
                    <a:pt x="139866" y="0"/>
                    <a:pt x="180207" y="40341"/>
                    <a:pt x="180207" y="90103"/>
                  </a:cubicBezTo>
                  <a:close/>
                </a:path>
              </a:pathLst>
            </a:custGeom>
            <a:solidFill>
              <a:srgbClr val="093371"/>
            </a:solidFill>
            <a:ln cap="flat" w="2201">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9D43075A-FA6F-7503-D31A-AD1FAB6BD3A5}"/>
                </a:ext>
              </a:extLst>
            </p:cNvPr>
            <p:cNvSpPr/>
            <p:nvPr/>
          </p:nvSpPr>
          <p:spPr>
            <a:xfrm>
              <a:off x="9938973" y="4572072"/>
              <a:ext cx="272481" cy="411679"/>
            </a:xfrm>
            <a:custGeom>
              <a:avLst/>
              <a:gdLst>
                <a:gd fmla="*/ 136230 w 272481" name="connsiteX0"/>
                <a:gd fmla="*/ 0 h 411679" name="connsiteY0"/>
                <a:gd fmla="*/ 136230 w 272481" name="connsiteX1"/>
                <a:gd fmla="*/ 0 h 411679" name="connsiteY1"/>
                <a:gd fmla="*/ 272481 w 272481" name="connsiteX2"/>
                <a:gd fmla="*/ 136252 h 411679" name="connsiteY2"/>
                <a:gd fmla="*/ 272481 w 272481" name="connsiteX3"/>
                <a:gd fmla="*/ 377185 h 411679" name="connsiteY3"/>
                <a:gd fmla="*/ 237986 w 272481" name="connsiteX4"/>
                <a:gd fmla="*/ 411680 h 411679" name="connsiteY4"/>
                <a:gd fmla="*/ 34495 w 272481" name="connsiteX5"/>
                <a:gd fmla="*/ 411680 h 411679" name="connsiteY5"/>
                <a:gd fmla="*/ 0 w 272481" name="connsiteX6"/>
                <a:gd fmla="*/ 377185 h 411679" name="connsiteY6"/>
                <a:gd fmla="*/ 0 w 272481" name="connsiteX7"/>
                <a:gd fmla="*/ 136252 h 411679" name="connsiteY7"/>
                <a:gd fmla="*/ 136252 w 272481" name="connsiteX8"/>
                <a:gd fmla="*/ 0 h 41167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411679" w="272481">
                  <a:moveTo>
                    <a:pt x="136230" y="0"/>
                  </a:moveTo>
                  <a:lnTo>
                    <a:pt x="136230" y="0"/>
                  </a:lnTo>
                  <a:cubicBezTo>
                    <a:pt x="211423" y="0"/>
                    <a:pt x="272481" y="61058"/>
                    <a:pt x="272481" y="136252"/>
                  </a:cubicBezTo>
                  <a:lnTo>
                    <a:pt x="272481" y="377185"/>
                  </a:lnTo>
                  <a:cubicBezTo>
                    <a:pt x="272481" y="396216"/>
                    <a:pt x="257017" y="411680"/>
                    <a:pt x="237986" y="411680"/>
                  </a:cubicBezTo>
                  <a:lnTo>
                    <a:pt x="34495" y="411680"/>
                  </a:lnTo>
                  <a:cubicBezTo>
                    <a:pt x="15464" y="411680"/>
                    <a:pt x="0" y="396216"/>
                    <a:pt x="0" y="377185"/>
                  </a:cubicBezTo>
                  <a:lnTo>
                    <a:pt x="0" y="136252"/>
                  </a:lnTo>
                  <a:cubicBezTo>
                    <a:pt x="0" y="61058"/>
                    <a:pt x="61059" y="0"/>
                    <a:pt x="136252" y="0"/>
                  </a:cubicBezTo>
                  <a:close/>
                </a:path>
              </a:pathLst>
            </a:custGeom>
            <a:solidFill>
              <a:srgbClr val="093371"/>
            </a:solidFill>
            <a:ln cap="flat" w="2201">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D025397E-E892-0CA2-A1FF-3F9B6933F772}"/>
                </a:ext>
              </a:extLst>
            </p:cNvPr>
            <p:cNvSpPr/>
            <p:nvPr/>
          </p:nvSpPr>
          <p:spPr>
            <a:xfrm>
              <a:off x="10397643" y="4192827"/>
              <a:ext cx="228902" cy="228902"/>
            </a:xfrm>
            <a:custGeom>
              <a:avLst/>
              <a:gdLst>
                <a:gd fmla="*/ 228903 w 228902" name="connsiteX0"/>
                <a:gd fmla="*/ 114451 h 228902" name="connsiteY0"/>
                <a:gd fmla="*/ 114451 w 228902" name="connsiteX1"/>
                <a:gd fmla="*/ 228903 h 228902" name="connsiteY1"/>
                <a:gd fmla="*/ 0 w 228902" name="connsiteX2"/>
                <a:gd fmla="*/ 114451 h 228902" name="connsiteY2"/>
                <a:gd fmla="*/ 114451 w 228902" name="connsiteX3"/>
                <a:gd fmla="*/ 0 h 228902" name="connsiteY3"/>
                <a:gd fmla="*/ 228903 w 228902" name="connsiteX4"/>
                <a:gd fmla="*/ 114451 h 228902"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28902" w="228902">
                  <a:moveTo>
                    <a:pt x="228903" y="114451"/>
                  </a:moveTo>
                  <a:cubicBezTo>
                    <a:pt x="228903" y="177661"/>
                    <a:pt x="177661" y="228903"/>
                    <a:pt x="114451" y="228903"/>
                  </a:cubicBezTo>
                  <a:cubicBezTo>
                    <a:pt x="51242" y="228903"/>
                    <a:pt x="0" y="177661"/>
                    <a:pt x="0" y="114451"/>
                  </a:cubicBezTo>
                  <a:cubicBezTo>
                    <a:pt x="0" y="51242"/>
                    <a:pt x="51242" y="0"/>
                    <a:pt x="114451" y="0"/>
                  </a:cubicBezTo>
                  <a:cubicBezTo>
                    <a:pt x="177661" y="0"/>
                    <a:pt x="228903" y="51242"/>
                    <a:pt x="228903" y="114451"/>
                  </a:cubicBezTo>
                  <a:close/>
                </a:path>
              </a:pathLst>
            </a:custGeom>
            <a:solidFill>
              <a:srgbClr val="093371"/>
            </a:solidFill>
            <a:ln cap="flat" w="2201">
              <a:noFill/>
              <a:prstDash val="solid"/>
              <a:miter/>
            </a:ln>
          </p:spPr>
          <p:txBody>
            <a:bodyPr anchor="ctr" rtlCol="0"/>
            <a:lstStyle/>
            <a:p>
              <a:endParaRPr lang="es-ES"/>
            </a:p>
          </p:txBody>
        </p:sp>
        <p:sp>
          <p:nvSpPr>
            <p:cNvPr id="21" name="Freeform: Shape 20">
              <a:extLst>
                <a:ext uri="{FF2B5EF4-FFF2-40B4-BE49-F238E27FC236}">
                  <a16:creationId xmlns:a16="http://schemas.microsoft.com/office/drawing/2014/main" id="{8164FDEE-70AC-8DDA-38F1-C16F85BDA594}"/>
                </a:ext>
              </a:extLst>
            </p:cNvPr>
            <p:cNvSpPr/>
            <p:nvPr/>
          </p:nvSpPr>
          <p:spPr>
            <a:xfrm>
              <a:off x="10339952" y="4460811"/>
              <a:ext cx="346145" cy="522940"/>
            </a:xfrm>
            <a:custGeom>
              <a:avLst/>
              <a:gdLst>
                <a:gd fmla="*/ 173073 w 346145" name="connsiteX0"/>
                <a:gd fmla="*/ 0 h 522940" name="connsiteY0"/>
                <a:gd fmla="*/ 173073 w 346145" name="connsiteX1"/>
                <a:gd fmla="*/ 0 h 522940" name="connsiteY1"/>
                <a:gd fmla="*/ 346146 w 346145" name="connsiteX2"/>
                <a:gd fmla="*/ 173073 h 522940" name="connsiteY2"/>
                <a:gd fmla="*/ 346146 w 346145" name="connsiteX3"/>
                <a:gd fmla="*/ 487981 h 522940" name="connsiteY3"/>
                <a:gd fmla="*/ 311186 w 346145" name="connsiteX4"/>
                <a:gd fmla="*/ 522941 h 522940" name="connsiteY4"/>
                <a:gd fmla="*/ 34960 w 346145" name="connsiteX5"/>
                <a:gd fmla="*/ 522941 h 522940" name="connsiteY5"/>
                <a:gd fmla="*/ 0 w 346145" name="connsiteX6"/>
                <a:gd fmla="*/ 487981 h 522940" name="connsiteY6"/>
                <a:gd fmla="*/ 0 w 346145" name="connsiteX7"/>
                <a:gd fmla="*/ 173073 h 522940" name="connsiteY7"/>
                <a:gd fmla="*/ 173073 w 346145" name="connsiteX8"/>
                <a:gd fmla="*/ 0 h 522940"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22940" w="346145">
                  <a:moveTo>
                    <a:pt x="173073" y="0"/>
                  </a:moveTo>
                  <a:lnTo>
                    <a:pt x="173073" y="0"/>
                  </a:lnTo>
                  <a:cubicBezTo>
                    <a:pt x="268604" y="0"/>
                    <a:pt x="346146" y="77542"/>
                    <a:pt x="346146" y="173073"/>
                  </a:cubicBezTo>
                  <a:lnTo>
                    <a:pt x="346146" y="487981"/>
                  </a:lnTo>
                  <a:cubicBezTo>
                    <a:pt x="346146" y="507277"/>
                    <a:pt x="330483" y="522941"/>
                    <a:pt x="311186" y="522941"/>
                  </a:cubicBezTo>
                  <a:lnTo>
                    <a:pt x="34960" y="522941"/>
                  </a:lnTo>
                  <a:cubicBezTo>
                    <a:pt x="15663" y="522941"/>
                    <a:pt x="0" y="507277"/>
                    <a:pt x="0" y="487981"/>
                  </a:cubicBezTo>
                  <a:lnTo>
                    <a:pt x="0" y="173073"/>
                  </a:lnTo>
                  <a:cubicBezTo>
                    <a:pt x="0" y="77542"/>
                    <a:pt x="77542" y="0"/>
                    <a:pt x="173073" y="0"/>
                  </a:cubicBezTo>
                  <a:close/>
                </a:path>
              </a:pathLst>
            </a:custGeom>
            <a:solidFill>
              <a:srgbClr val="093371"/>
            </a:solidFill>
            <a:ln cap="flat" w="2201">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3E720148-385E-1F89-9394-71B4FE7C3E0E}"/>
                </a:ext>
              </a:extLst>
            </p:cNvPr>
            <p:cNvSpPr/>
            <p:nvPr/>
          </p:nvSpPr>
          <p:spPr>
            <a:xfrm>
              <a:off x="9796917" y="4315542"/>
              <a:ext cx="142765" cy="142765"/>
            </a:xfrm>
            <a:custGeom>
              <a:avLst/>
              <a:gdLst>
                <a:gd fmla="*/ 142765 w 142765" name="connsiteX0"/>
                <a:gd fmla="*/ 71383 h 142765" name="connsiteY0"/>
                <a:gd fmla="*/ 71383 w 142765" name="connsiteX1"/>
                <a:gd fmla="*/ 142765 h 142765" name="connsiteY1"/>
                <a:gd fmla="*/ 0 w 142765" name="connsiteX2"/>
                <a:gd fmla="*/ 71383 h 142765" name="connsiteY2"/>
                <a:gd fmla="*/ 71383 w 142765" name="connsiteX3"/>
                <a:gd fmla="*/ 0 h 142765" name="connsiteY3"/>
                <a:gd fmla="*/ 142765 w 142765" name="connsiteX4"/>
                <a:gd fmla="*/ 71383 h 1427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42765" w="142765">
                  <a:moveTo>
                    <a:pt x="142765" y="71383"/>
                  </a:moveTo>
                  <a:cubicBezTo>
                    <a:pt x="142765" y="110806"/>
                    <a:pt x="110806" y="142765"/>
                    <a:pt x="71383" y="142765"/>
                  </a:cubicBezTo>
                  <a:cubicBezTo>
                    <a:pt x="31959" y="142765"/>
                    <a:pt x="0" y="110806"/>
                    <a:pt x="0" y="71383"/>
                  </a:cubicBezTo>
                  <a:cubicBezTo>
                    <a:pt x="0" y="31959"/>
                    <a:pt x="31959" y="0"/>
                    <a:pt x="71383" y="0"/>
                  </a:cubicBezTo>
                  <a:cubicBezTo>
                    <a:pt x="110806" y="0"/>
                    <a:pt x="142765" y="31959"/>
                    <a:pt x="142765" y="71383"/>
                  </a:cubicBezTo>
                  <a:close/>
                </a:path>
              </a:pathLst>
            </a:custGeom>
            <a:solidFill>
              <a:schemeClr val="accent1"/>
            </a:solidFill>
            <a:ln cap="flat" w="2201">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A42A6260-EBEC-B8CF-DD1E-6628AD57FA5B}"/>
                </a:ext>
              </a:extLst>
            </p:cNvPr>
            <p:cNvSpPr/>
            <p:nvPr/>
          </p:nvSpPr>
          <p:spPr>
            <a:xfrm rot="2700000">
              <a:off x="9591668" y="4415387"/>
              <a:ext cx="215898" cy="282052"/>
            </a:xfrm>
            <a:custGeom>
              <a:avLst/>
              <a:gdLst>
                <a:gd fmla="*/ 107960 w 215898" name="connsiteX0"/>
                <a:gd fmla="*/ 0 h 282052" name="connsiteY0"/>
                <a:gd fmla="*/ 107960 w 215898" name="connsiteX1"/>
                <a:gd fmla="*/ 0 h 282052" name="connsiteY1"/>
                <a:gd fmla="*/ 215898 w 215898" name="connsiteX2"/>
                <a:gd fmla="*/ 107938 h 282052" name="connsiteY2"/>
                <a:gd fmla="*/ 215898 w 215898" name="connsiteX3"/>
                <a:gd fmla="*/ 263376 h 282052" name="connsiteY3"/>
                <a:gd fmla="*/ 197222 w 215898" name="connsiteX4"/>
                <a:gd fmla="*/ 282052 h 282052" name="connsiteY4"/>
                <a:gd fmla="*/ 174114 w 215898" name="connsiteX5"/>
                <a:gd fmla="*/ 282052 h 282052" name="connsiteY5"/>
                <a:gd fmla="*/ 0 w 215898" name="connsiteX6"/>
                <a:gd fmla="*/ 107938 h 282052" name="connsiteY6"/>
                <a:gd fmla="*/ 0 w 215898" name="connsiteX7"/>
                <a:gd fmla="*/ 107938 h 282052" name="connsiteY7"/>
                <a:gd fmla="*/ 107938 w 215898" name="connsiteX8"/>
                <a:gd fmla="*/ 0 h 28205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282052" w="215898">
                  <a:moveTo>
                    <a:pt x="107960" y="0"/>
                  </a:moveTo>
                  <a:lnTo>
                    <a:pt x="107960" y="0"/>
                  </a:lnTo>
                  <a:cubicBezTo>
                    <a:pt x="167534" y="0"/>
                    <a:pt x="215898" y="48364"/>
                    <a:pt x="215898" y="107938"/>
                  </a:cubicBezTo>
                  <a:lnTo>
                    <a:pt x="215898" y="263376"/>
                  </a:lnTo>
                  <a:cubicBezTo>
                    <a:pt x="215898" y="273678"/>
                    <a:pt x="207524" y="282052"/>
                    <a:pt x="197222" y="282052"/>
                  </a:cubicBezTo>
                  <a:lnTo>
                    <a:pt x="174114" y="282052"/>
                  </a:lnTo>
                  <a:cubicBezTo>
                    <a:pt x="78029" y="282052"/>
                    <a:pt x="0" y="204045"/>
                    <a:pt x="0" y="107938"/>
                  </a:cubicBezTo>
                  <a:lnTo>
                    <a:pt x="0" y="107938"/>
                  </a:lnTo>
                  <a:cubicBezTo>
                    <a:pt x="0" y="48364"/>
                    <a:pt x="48364" y="0"/>
                    <a:pt x="107938" y="0"/>
                  </a:cubicBezTo>
                  <a:close/>
                </a:path>
              </a:pathLst>
            </a:custGeom>
            <a:solidFill>
              <a:schemeClr val="accent1"/>
            </a:solidFill>
            <a:ln cap="flat" w="2201">
              <a:noFill/>
              <a:prstDash val="solid"/>
              <a:miter/>
            </a:ln>
          </p:spPr>
          <p:txBody>
            <a:bodyPr anchor="ctr" rtlCol="0"/>
            <a:lstStyle/>
            <a:p>
              <a:endParaRPr lang="es-ES"/>
            </a:p>
          </p:txBody>
        </p:sp>
      </p:grpSp>
      <p:sp>
        <p:nvSpPr>
          <p:cNvPr id="3" name="TextBox 2">
            <a:extLst>
              <a:ext uri="{FF2B5EF4-FFF2-40B4-BE49-F238E27FC236}">
                <a16:creationId xmlns:a16="http://schemas.microsoft.com/office/drawing/2014/main" id="{3E19D4A8-154E-D833-4BDB-395A61814481}"/>
              </a:ext>
            </a:extLst>
          </p:cNvPr>
          <p:cNvSpPr txBox="1"/>
          <p:nvPr/>
        </p:nvSpPr>
        <p:spPr>
          <a:xfrm>
            <a:off x="1778000" y="4517002"/>
            <a:ext cx="4601029" cy="1200329"/>
          </a:xfrm>
          <a:prstGeom prst="rect">
            <a:avLst/>
          </a:prstGeom>
          <a:noFill/>
        </p:spPr>
        <p:txBody>
          <a:bodyPr rtlCol="0" wrap="square">
            <a:spAutoFit/>
          </a:bodyPr>
          <a:lstStyle/>
          <a:p txid="51a870948bd446f3f6add27d6c7fa520">
            <a:pPr algn="ctr">
              <a:buClr>
                <a:srgbClr val="008CCF"/>
              </a:buClr>
            </a:pPr>
            <a:r>
              <a:rPr b="0" i="0" kern="1200" lang="en-US" strike="noStrike" sz="2400" u="none">
                <a:solidFill>
                  <a:schemeClr val="tx1"/>
                </a:solidFill>
                <a:effectLst/>
                <a:latin typeface="+mj-lt"/>
                <a:ea typeface="+mn-ea"/>
                <a:cs typeface="+mn-cs"/>
              </a:rPr>
              <a:t>Santé reproductive, maternelle, du nouveau-né, de l'enfant et de l'Adolescent</a:t>
            </a:r>
            <a:r>
              <a:rPr b="0" i="0" kern="1200" lang="en-US" strike="noStrike" sz="2400" u="none">
                <a:solidFill>
                  <a:schemeClr val="tx1"/>
                </a:solidFill>
                <a:effectLst/>
                <a:ea typeface="+mn-ea"/>
                <a:cs typeface="+mn-cs"/>
              </a:rPr>
            </a:r>
            <a:r>
              <a:rPr b="0" i="0" kern="1200" lang="en-US" strike="noStrike" sz="2400" u="none">
                <a:solidFill>
                  <a:schemeClr val="tx1"/>
                </a:solidFill>
                <a:effectLst/>
                <a:latin typeface="+mj-lt"/>
                <a:ea typeface="+mn-ea"/>
                <a:cs typeface="+mn-cs"/>
              </a:rPr>
            </a:r>
            <a:r>
              <a:rPr b="0" i="0" kern="1200" lang="en-US" strike="noStrike" sz="2400" u="none">
                <a:solidFill>
                  <a:schemeClr val="tx1"/>
                </a:solidFill>
                <a:effectLst/>
                <a:ea typeface="+mn-ea"/>
                <a:cs typeface="+mn-cs"/>
              </a:rPr>
            </a:r>
            <a:r>
              <a:rPr b="0" i="0" kern="1200" lang="en-US" strike="noStrike" sz="2400" u="none">
                <a:solidFill>
                  <a:schemeClr val="tx1"/>
                </a:solidFill>
                <a:effectLst/>
                <a:latin typeface="+mj-lt"/>
                <a:ea typeface="+mn-ea"/>
                <a:cs typeface="+mn-cs"/>
              </a:rPr>
            </a:r>
            <a:r>
              <a:rPr b="0" i="0" kern="1200" lang="en-US" strike="noStrike" sz="2400" u="none">
                <a:solidFill>
                  <a:schemeClr val="tx1"/>
                </a:solidFill>
                <a:effectLst/>
                <a:ea typeface="+mn-ea"/>
                <a:cs typeface="+mn-cs"/>
              </a:rPr>
            </a:r>
            <a:r>
              <a:rPr b="0" i="0" kern="1200" lang="en-US" strike="noStrike" sz="2400" u="none">
                <a:solidFill>
                  <a:schemeClr val="tx1"/>
                </a:solidFill>
                <a:effectLst/>
                <a:latin typeface="+mj-lt"/>
                <a:ea typeface="+mn-ea"/>
                <a:cs typeface="+mn-cs"/>
              </a:rPr>
            </a:r>
            <a:r>
              <a:rPr b="0" i="0" kern="1200" lang="en-US" strike="noStrike" sz="2400" u="none">
                <a:solidFill>
                  <a:schemeClr val="tx1"/>
                </a:solidFill>
                <a:effectLst/>
                <a:ea typeface="+mn-ea"/>
                <a:cs typeface="+mn-cs"/>
              </a:rPr>
            </a:r>
            <a:r>
              <a:rPr b="0" i="0" kern="1200" lang="en-US" strike="noStrike" sz="2400" u="none">
                <a:solidFill>
                  <a:schemeClr val="tx1"/>
                </a:solidFill>
                <a:effectLst/>
                <a:latin typeface="+mj-lt"/>
                <a:ea typeface="+mn-ea"/>
                <a:cs typeface="+mn-cs"/>
              </a:rPr>
            </a:r>
            <a:r>
              <a:rPr b="0" i="0" kern="1200" lang="en-US" strike="noStrike" sz="2400" u="none">
                <a:solidFill>
                  <a:schemeClr val="tx1"/>
                </a:solidFill>
                <a:effectLst/>
                <a:ea typeface="+mn-ea"/>
                <a:cs typeface="+mn-cs"/>
              </a:rPr>
            </a:r>
            <a:r>
              <a:rPr b="0" i="0" kern="1200" lang="en-US" strike="noStrike" sz="2400" u="none">
                <a:solidFill>
                  <a:schemeClr val="tx1"/>
                </a:solidFill>
                <a:effectLst/>
                <a:latin typeface="+mj-lt"/>
                <a:ea typeface="+mn-ea"/>
                <a:cs typeface="+mn-cs"/>
              </a:rPr>
            </a:r>
            <a:r>
              <a:rPr b="0" i="0" kern="1200" lang="en-US" strike="noStrike" sz="2400" u="none">
                <a:solidFill>
                  <a:schemeClr val="tx1"/>
                </a:solidFill>
                <a:effectLst/>
                <a:ea typeface="+mn-ea"/>
                <a:cs typeface="+mn-cs"/>
              </a:rPr>
            </a:r>
            <a:endParaRPr lang="es-ES" sz="2400"/>
          </a:p>
        </p:txBody>
      </p:sp>
      <p:sp>
        <p:nvSpPr>
          <p:cNvPr id="4" name="TextBox 3">
            <a:extLst>
              <a:ext uri="{FF2B5EF4-FFF2-40B4-BE49-F238E27FC236}">
                <a16:creationId xmlns:a16="http://schemas.microsoft.com/office/drawing/2014/main" id="{0BCF638F-C914-01C6-0B3F-0DACA4C570AC}"/>
              </a:ext>
            </a:extLst>
          </p:cNvPr>
          <p:cNvSpPr txBox="1"/>
          <p:nvPr/>
        </p:nvSpPr>
        <p:spPr>
          <a:xfrm>
            <a:off x="2286000" y="5717331"/>
            <a:ext cx="3751943" cy="487634"/>
          </a:xfrm>
          <a:prstGeom prst="rect">
            <a:avLst/>
          </a:prstGeom>
          <a:noFill/>
        </p:spPr>
        <p:txBody>
          <a:bodyPr rtlCol="0" wrap="square">
            <a:spAutoFit/>
          </a:bodyPr>
          <a:lstStyle/>
          <a:p txid="086211c3c3a3991ba62b888a88f01503">
            <a:pPr algn="ctr">
              <a:lnSpc>
                <a:spcPts val="3300"/>
              </a:lnSpc>
              <a:buClr>
                <a:srgbClr val="008CCF"/>
              </a:buClr>
            </a:pPr>
            <a:r>
              <a:rPr lang="es-ES" sz="2400">
                <a:latin typeface="+mj-lt"/>
              </a:rPr>
              <a:t>RMNCAH </a:t>
            </a:r>
          </a:p>
        </p:txBody>
      </p:sp>
    </p:spTree>
    <p:custDataLst>
      <p:tags r:id="rId1"/>
    </p:custDataLst>
    <p:extLst>
      <p:ext uri="{BB962C8B-B14F-4D97-AF65-F5344CB8AC3E}">
        <p14:creationId xmlns:p14="http://schemas.microsoft.com/office/powerpoint/2010/main" val="316156367"/>
      </p:ext>
    </p:extLst>
  </p:cSld>
  <p:clrMapOvr>
    <a:masterClrMapping/>
  </p:clrMapOvr>
  <mc:AlternateContent xmlns:mc="http://schemas.openxmlformats.org/markup-compatibility/2006" xmlns:p159="http://schemas.microsoft.com/office/powerpoint/2015/09/main">
    <mc:Choice Requires="p159">
      <p:transition advTm="22656" spd="slow">
        <p159:morph option="byObject"/>
      </p:transition>
    </mc:Choice>
    <mc:Fallback xmlns="">
      <p:transition advTm="22656"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9"/>
                                        </p:tgtEl>
                                        <p:attrNameLst>
                                          <p:attrName>style.visibility</p:attrName>
                                        </p:attrNameLst>
                                      </p:cBhvr>
                                      <p:to>
                                        <p:strVal val="visible"/>
                                      </p:to>
                                    </p:set>
                                    <p:anim calcmode="lin" valueType="num">
                                      <p:cBhvr additive="base">
                                        <p:cTn dur="500" fill="hold" id="7"/>
                                        <p:tgtEl>
                                          <p:spTgt spid="9"/>
                                        </p:tgtEl>
                                        <p:attrNameLst>
                                          <p:attrName>ppt_x</p:attrName>
                                        </p:attrNameLst>
                                      </p:cBhvr>
                                      <p:tavLst>
                                        <p:tav tm="0">
                                          <p:val>
                                            <p:strVal val="#ppt_x"/>
                                          </p:val>
                                        </p:tav>
                                        <p:tav tm="100000">
                                          <p:val>
                                            <p:strVal val="#ppt_x"/>
                                          </p:val>
                                        </p:tav>
                                      </p:tavLst>
                                    </p:anim>
                                    <p:anim calcmode="lin" valueType="num">
                                      <p:cBhvr additive="base">
                                        <p:cTn dur="500" fill="hold" id="8"/>
                                        <p:tgtEl>
                                          <p:spTgt spid="9"/>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3"/>
                                        </p:tgtEl>
                                        <p:attrNameLst>
                                          <p:attrName>style.visibility</p:attrName>
                                        </p:attrNameLst>
                                      </p:cBhvr>
                                      <p:to>
                                        <p:strVal val="visible"/>
                                      </p:to>
                                    </p:set>
                                    <p:anim calcmode="lin" valueType="num">
                                      <p:cBhvr additive="base">
                                        <p:cTn dur="500" fill="hold" id="11"/>
                                        <p:tgtEl>
                                          <p:spTgt spid="3"/>
                                        </p:tgtEl>
                                        <p:attrNameLst>
                                          <p:attrName>ppt_x</p:attrName>
                                        </p:attrNameLst>
                                      </p:cBhvr>
                                      <p:tavLst>
                                        <p:tav tm="0">
                                          <p:val>
                                            <p:strVal val="#ppt_x"/>
                                          </p:val>
                                        </p:tav>
                                        <p:tav tm="100000">
                                          <p:val>
                                            <p:strVal val="#ppt_x"/>
                                          </p:val>
                                        </p:tav>
                                      </p:tavLst>
                                    </p:anim>
                                    <p:anim calcmode="lin" valueType="num">
                                      <p:cBhvr additive="base">
                                        <p:cTn dur="500" fill="hold" id="12"/>
                                        <p:tgtEl>
                                          <p:spTgt spid="3"/>
                                        </p:tgtEl>
                                        <p:attrNameLst>
                                          <p:attrName>ppt_y</p:attrName>
                                        </p:attrNameLst>
                                      </p:cBhvr>
                                      <p:tavLst>
                                        <p:tav tm="0">
                                          <p:val>
                                            <p:strVal val="1+#ppt_h/2"/>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gtEl>
                                        <p:attrNameLst>
                                          <p:attrName>style.visibility</p:attrName>
                                        </p:attrNameLst>
                                      </p:cBhvr>
                                      <p:to>
                                        <p:strVal val="visible"/>
                                      </p:to>
                                    </p:set>
                                    <p:animEffect filter="fade" transition="in">
                                      <p:cBhvr>
                                        <p:cTn dur="500" id="17"/>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grpId="0" spid="4"/>
    </p:bldLst>
  </p:timing>
</p:sld>
</file>

<file path=ppt/slides/slide2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rtlCol="0" wrap="square">
            <a:spAutoFit/>
          </a:bodyPr>
          <a:lstStyle/>
          <a:p txid="fbda09140c6dc5afd3b7b93a1fb8d9dd">
            <a:pPr algn="l" indent="-457200" marL="457200">
              <a:lnSpc>
                <a:spcPts val="3300"/>
              </a:lnSpc>
              <a:buClr>
                <a:srgbClr val="008CCF"/>
              </a:buClr>
              <a:buFont typeface="+mj-lt"/>
              <a:buAutoNum type="arabicPeriod"/>
            </a:pPr>
            <a:r>
              <a:rPr lang="es-ES" sz="2400">
                <a:latin typeface="+mj-lt"/>
              </a:rPr>
              <a:t> Exclure les informations inutiles </a:t>
            </a:r>
            <a:r>
              <a:rPr lang="es-ES" sz="2400"/>
            </a:r>
          </a:p>
          <a:p txid="0dca51a95dcd02f1d385e9290464ac35">
            <a:pPr algn="l" indent="-457200" marL="457200">
              <a:lnSpc>
                <a:spcPts val="3300"/>
              </a:lnSpc>
              <a:buClr>
                <a:srgbClr val="008CCF"/>
              </a:buClr>
              <a:buFont typeface="+mj-lt"/>
              <a:buAutoNum type="arabicPeriod"/>
            </a:pPr>
            <a:r>
              <a:rPr lang="es-ES" sz="2400"/>
              <a:t> Placez les  informations clés au début du nom</a:t>
            </a:r>
            <a:r>
              <a:rPr lang="es-ES" sz="2400">
                <a:latin typeface="+mj-lt"/>
              </a:rPr>
            </a:r>
          </a:p>
        </p:txBody>
      </p:sp>
      <p:sp>
        <p:nvSpPr>
          <p:cNvPr id="10" name="TextBox 9">
            <a:extLst>
              <a:ext uri="{FF2B5EF4-FFF2-40B4-BE49-F238E27FC236}">
                <a16:creationId xmlns:a16="http://schemas.microsoft.com/office/drawing/2014/main" id="{816DA2AE-CCD6-2386-E76F-C1E1DE8A4F35}"/>
              </a:ext>
            </a:extLst>
          </p:cNvPr>
          <p:cNvSpPr txBox="1"/>
          <p:nvPr/>
        </p:nvSpPr>
        <p:spPr>
          <a:xfrm>
            <a:off x="5735860" y="3299414"/>
            <a:ext cx="2159911" cy="585738"/>
          </a:xfrm>
          <a:prstGeom prst="rect">
            <a:avLst/>
          </a:prstGeom>
          <a:noFill/>
        </p:spPr>
        <p:txBody>
          <a:bodyPr rtlCol="0" wrap="square">
            <a:spAutoFit/>
          </a:bodyPr>
          <a:lstStyle/>
          <a:p txid="0c4ab918aadabd01e563b8aa1f1e4ec6">
            <a:pPr algn="l">
              <a:lnSpc>
                <a:spcPct val="150000"/>
              </a:lnSpc>
              <a:buClr>
                <a:srgbClr val="008CCF"/>
              </a:buClr>
            </a:pPr>
            <a:r>
              <a:rPr lang="es-ES" sz="2400"/>
              <a:t>CPN 1ère visite</a:t>
            </a:r>
          </a:p>
        </p:txBody>
      </p:sp>
      <p:sp>
        <p:nvSpPr>
          <p:cNvPr id="4" name="TextBox 3">
            <a:extLst>
              <a:ext uri="{FF2B5EF4-FFF2-40B4-BE49-F238E27FC236}">
                <a16:creationId xmlns:a16="http://schemas.microsoft.com/office/drawing/2014/main" id="{0BCF638F-C914-01C6-0B3F-0DACA4C570AC}"/>
              </a:ext>
            </a:extLst>
          </p:cNvPr>
          <p:cNvSpPr txBox="1"/>
          <p:nvPr/>
        </p:nvSpPr>
        <p:spPr>
          <a:xfrm>
            <a:off x="4339129" y="3396096"/>
            <a:ext cx="1538514" cy="487634"/>
          </a:xfrm>
          <a:prstGeom prst="rect">
            <a:avLst/>
          </a:prstGeom>
          <a:noFill/>
        </p:spPr>
        <p:txBody>
          <a:bodyPr rtlCol="0" wrap="square">
            <a:spAutoFit/>
          </a:bodyPr>
          <a:lstStyle/>
          <a:p txid="086211c3c3a3991ba62b888a88f01503">
            <a:pPr algn="ctr">
              <a:lnSpc>
                <a:spcPts val="3300"/>
              </a:lnSpc>
              <a:buClr>
                <a:srgbClr val="008CCF"/>
              </a:buClr>
            </a:pPr>
            <a:r>
              <a:rPr dirty="0" lang="es-ES" sz="2400">
                <a:solidFill>
                  <a:schemeClr val="accent2"/>
                </a:solidFill>
                <a:latin typeface="+mj-lt"/>
              </a:rPr>
              <a:t>RMNCAH </a:t>
            </a:r>
          </a:p>
        </p:txBody>
      </p:sp>
    </p:spTree>
    <p:custDataLst>
      <p:tags r:id="rId1"/>
    </p:custDataLst>
    <p:extLst>
      <p:ext uri="{BB962C8B-B14F-4D97-AF65-F5344CB8AC3E}">
        <p14:creationId xmlns:p14="http://schemas.microsoft.com/office/powerpoint/2010/main" val="1204157730"/>
      </p:ext>
    </p:extLst>
  </p:cSld>
  <p:clrMapOvr>
    <a:masterClrMapping/>
  </p:clrMapOvr>
  <mc:AlternateContent xmlns:mc="http://schemas.openxmlformats.org/markup-compatibility/2006" xmlns:p159="http://schemas.microsoft.com/office/powerpoint/2015/09/main">
    <mc:Choice Requires="p159">
      <p:transition advTm="4054" spd="slow">
        <p159:morph option="byObject"/>
      </p:transition>
    </mc:Choice>
    <mc:Fallback xmlns="">
      <p:transition advTm="4054" spd="slow">
        <p:fade/>
      </p:transition>
    </mc:Fallback>
  </mc:AlternateContent>
</p:sld>
</file>

<file path=ppt/slides/slide2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1" name="TextBox 10">
            <a:extLst>
              <a:ext uri="{FF2B5EF4-FFF2-40B4-BE49-F238E27FC236}">
                <a16:creationId xmlns:a16="http://schemas.microsoft.com/office/drawing/2014/main" id="{7242A716-36EE-C275-A099-B3888E746FF8}"/>
              </a:ext>
            </a:extLst>
          </p:cNvPr>
          <p:cNvSpPr txBox="1"/>
          <p:nvPr/>
        </p:nvSpPr>
        <p:spPr>
          <a:xfrm>
            <a:off x="3747407" y="3297608"/>
            <a:ext cx="2159911" cy="585738"/>
          </a:xfrm>
          <a:prstGeom prst="rect">
            <a:avLst/>
          </a:prstGeom>
          <a:noFill/>
        </p:spPr>
        <p:txBody>
          <a:bodyPr rtlCol="0" wrap="square">
            <a:spAutoFit/>
          </a:bodyPr>
          <a:lstStyle/>
          <a:p txid="d7e161bc0a3f4b9ada28d2786853d4e2">
            <a:pPr algn="l">
              <a:lnSpc>
                <a:spcPct val="150000"/>
              </a:lnSpc>
              <a:buClr>
                <a:srgbClr val="008CCF"/>
              </a:buClr>
            </a:pPr>
            <a:r>
              <a:rPr lang="es-ES" sz="2400"/>
              <a:t>CPN 2ème visite</a:t>
            </a:r>
          </a:p>
        </p:txBody>
      </p:sp>
      <p:sp>
        <p:nvSpPr>
          <p:cNvPr id="13" name="TextBox 12">
            <a:extLst>
              <a:ext uri="{FF2B5EF4-FFF2-40B4-BE49-F238E27FC236}">
                <a16:creationId xmlns:a16="http://schemas.microsoft.com/office/drawing/2014/main" id="{6E9153EC-5199-7207-B403-C1AC12C2DFBD}"/>
              </a:ext>
            </a:extLst>
          </p:cNvPr>
          <p:cNvSpPr txBox="1"/>
          <p:nvPr/>
        </p:nvSpPr>
        <p:spPr>
          <a:xfrm>
            <a:off x="3747407" y="3840089"/>
            <a:ext cx="2159911" cy="585738"/>
          </a:xfrm>
          <a:prstGeom prst="rect">
            <a:avLst/>
          </a:prstGeom>
          <a:noFill/>
        </p:spPr>
        <p:txBody>
          <a:bodyPr rtlCol="0" wrap="square">
            <a:spAutoFit/>
          </a:bodyPr>
          <a:lstStyle/>
          <a:p txid="35485da76145062b9efafbd9ef9fd233">
            <a:pPr algn="l">
              <a:lnSpc>
                <a:spcPct val="150000"/>
              </a:lnSpc>
              <a:buClr>
                <a:srgbClr val="008CCF"/>
              </a:buClr>
            </a:pPr>
            <a:r>
              <a:rPr lang="es-ES" sz="2400"/>
              <a:t>CPN 3ème visite</a:t>
            </a:r>
          </a:p>
        </p:txBody>
      </p:sp>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41d44e4f6c21b6fd740077e66683f7de">
            <a:r>
              <a:rPr lang="en-NO"/>
              <a:t> Exemple : Mise en application des bonnes pratiques en matière d'appellation</a:t>
            </a:r>
            <a:r>
              <a:rPr lang="es-ES"/>
            </a:r>
            <a:endParaRPr dirty="0" lang="en-NO"/>
          </a:p>
        </p:txBody>
      </p:sp>
      <p:sp>
        <p:nvSpPr>
          <p:cNvPr id="12" name="TextBox 11">
            <a:extLst>
              <a:ext uri="{FF2B5EF4-FFF2-40B4-BE49-F238E27FC236}">
                <a16:creationId xmlns:a16="http://schemas.microsoft.com/office/drawing/2014/main" id="{0B4D5241-66F7-B113-DA55-A0A576211787}"/>
              </a:ext>
            </a:extLst>
          </p:cNvPr>
          <p:cNvSpPr txBox="1"/>
          <p:nvPr/>
        </p:nvSpPr>
        <p:spPr>
          <a:xfrm>
            <a:off x="1335311" y="1302241"/>
            <a:ext cx="9563100" cy="910827"/>
          </a:xfrm>
          <a:prstGeom prst="rect">
            <a:avLst/>
          </a:prstGeom>
          <a:noFill/>
        </p:spPr>
        <p:txBody>
          <a:bodyPr rtlCol="0" wrap="square">
            <a:spAutoFit/>
          </a:bodyPr>
          <a:lstStyle/>
          <a:p txid="fbda09140c6dc5afd3b7b93a1fb8d9dd">
            <a:pPr algn="l" indent="-457200" marL="457200">
              <a:lnSpc>
                <a:spcPts val="3300"/>
              </a:lnSpc>
              <a:buClr>
                <a:srgbClr val="008CCF"/>
              </a:buClr>
              <a:buFont typeface="+mj-lt"/>
              <a:buAutoNum type="arabicPeriod"/>
            </a:pPr>
            <a:r>
              <a:rPr lang="es-ES" sz="2400">
                <a:latin typeface="+mj-lt"/>
              </a:rPr>
              <a:t> Exclure les informations inutiles </a:t>
            </a:r>
            <a:r>
              <a:rPr lang="es-ES" sz="2400"/>
            </a:r>
          </a:p>
          <a:p txid="0dca51a95dcd02f1d385e9290464ac35">
            <a:pPr algn="l" indent="-457200" marL="457200">
              <a:lnSpc>
                <a:spcPts val="3300"/>
              </a:lnSpc>
              <a:buClr>
                <a:srgbClr val="008CCF"/>
              </a:buClr>
              <a:buFont typeface="+mj-lt"/>
              <a:buAutoNum type="arabicPeriod"/>
            </a:pPr>
            <a:r>
              <a:rPr lang="es-ES" sz="2400"/>
              <a:t> Placez les  informations clés au début du nom</a:t>
            </a:r>
            <a:r>
              <a:rPr lang="es-ES" sz="2400">
                <a:latin typeface="+mj-lt"/>
              </a:rPr>
            </a:r>
          </a:p>
        </p:txBody>
      </p:sp>
      <p:sp>
        <p:nvSpPr>
          <p:cNvPr id="10" name="TextBox 9">
            <a:extLst>
              <a:ext uri="{FF2B5EF4-FFF2-40B4-BE49-F238E27FC236}">
                <a16:creationId xmlns:a16="http://schemas.microsoft.com/office/drawing/2014/main" id="{816DA2AE-CCD6-2386-E76F-C1E1DE8A4F35}"/>
              </a:ext>
            </a:extLst>
          </p:cNvPr>
          <p:cNvSpPr txBox="1"/>
          <p:nvPr/>
        </p:nvSpPr>
        <p:spPr>
          <a:xfrm>
            <a:off x="3747407" y="2755127"/>
            <a:ext cx="2159911" cy="585738"/>
          </a:xfrm>
          <a:prstGeom prst="rect">
            <a:avLst/>
          </a:prstGeom>
          <a:noFill/>
        </p:spPr>
        <p:txBody>
          <a:bodyPr rtlCol="0" wrap="square">
            <a:spAutoFit/>
          </a:bodyPr>
          <a:lstStyle/>
          <a:p txid="0c4ab918aadabd01e563b8aa1f1e4ec6">
            <a:pPr algn="l">
              <a:lnSpc>
                <a:spcPct val="150000"/>
              </a:lnSpc>
              <a:buClr>
                <a:srgbClr val="008CCF"/>
              </a:buClr>
            </a:pPr>
            <a:r>
              <a:rPr lang="es-ES" sz="2400"/>
              <a:t>CPN 1ère visite</a:t>
            </a:r>
          </a:p>
        </p:txBody>
      </p:sp>
      <p:sp>
        <p:nvSpPr>
          <p:cNvPr id="19" name="TextBox 18">
            <a:extLst>
              <a:ext uri="{FF2B5EF4-FFF2-40B4-BE49-F238E27FC236}">
                <a16:creationId xmlns:a16="http://schemas.microsoft.com/office/drawing/2014/main" id="{97A6CAA2-DD64-A8AB-3C07-0F5180D8D54A}"/>
              </a:ext>
            </a:extLst>
          </p:cNvPr>
          <p:cNvSpPr txBox="1"/>
          <p:nvPr/>
        </p:nvSpPr>
        <p:spPr>
          <a:xfrm>
            <a:off x="3747407" y="4382570"/>
            <a:ext cx="2159911" cy="585738"/>
          </a:xfrm>
          <a:prstGeom prst="rect">
            <a:avLst/>
          </a:prstGeom>
          <a:noFill/>
        </p:spPr>
        <p:txBody>
          <a:bodyPr rtlCol="0" wrap="square">
            <a:spAutoFit/>
          </a:bodyPr>
          <a:lstStyle/>
          <a:p txid="e5e092ab223639ea08dc2bf8a22057d7">
            <a:pPr>
              <a:lnSpc>
                <a:spcPct val="150000"/>
              </a:lnSpc>
              <a:buClr>
                <a:srgbClr val="008CCF"/>
              </a:buClr>
            </a:pPr>
            <a:r>
              <a:rPr lang="es-ES" sz="2400"/>
              <a:t>CPN 4ème visite</a:t>
            </a:r>
          </a:p>
        </p:txBody>
      </p:sp>
      <p:sp>
        <p:nvSpPr>
          <p:cNvPr id="4" name="TextBox 3">
            <a:extLst>
              <a:ext uri="{FF2B5EF4-FFF2-40B4-BE49-F238E27FC236}">
                <a16:creationId xmlns:a16="http://schemas.microsoft.com/office/drawing/2014/main" id="{0BCF638F-C914-01C6-0B3F-0DACA4C570AC}"/>
              </a:ext>
            </a:extLst>
          </p:cNvPr>
          <p:cNvSpPr txBox="1"/>
          <p:nvPr/>
        </p:nvSpPr>
        <p:spPr>
          <a:xfrm>
            <a:off x="2350676" y="2853607"/>
            <a:ext cx="1538514" cy="487634"/>
          </a:xfrm>
          <a:prstGeom prst="rect">
            <a:avLst/>
          </a:prstGeom>
          <a:noFill/>
        </p:spPr>
        <p:txBody>
          <a:bodyPr rtlCol="0" wrap="square">
            <a:spAutoFit/>
          </a:bodyPr>
          <a:lstStyle/>
          <a:p txid="086211c3c3a3991ba62b888a88f01503">
            <a:pPr algn="ctr">
              <a:lnSpc>
                <a:spcPts val="3300"/>
              </a:lnSpc>
              <a:buClr>
                <a:srgbClr val="008CCF"/>
              </a:buClr>
            </a:pPr>
            <a:r>
              <a:rPr dirty="0" lang="es-ES" sz="2400">
                <a:solidFill>
                  <a:schemeClr val="accent2"/>
                </a:solidFill>
                <a:latin typeface="+mj-lt"/>
              </a:rPr>
              <a:t>RMNCAH </a:t>
            </a:r>
          </a:p>
        </p:txBody>
      </p:sp>
      <p:sp>
        <p:nvSpPr>
          <p:cNvPr id="24" name="TextBox 23">
            <a:extLst>
              <a:ext uri="{FF2B5EF4-FFF2-40B4-BE49-F238E27FC236}">
                <a16:creationId xmlns:a16="http://schemas.microsoft.com/office/drawing/2014/main" id="{855FC4B5-6A4F-4F52-7633-E5EB8809A237}"/>
              </a:ext>
            </a:extLst>
          </p:cNvPr>
          <p:cNvSpPr txBox="1"/>
          <p:nvPr/>
        </p:nvSpPr>
        <p:spPr>
          <a:xfrm>
            <a:off x="2350676" y="3396088"/>
            <a:ext cx="1538514" cy="487634"/>
          </a:xfrm>
          <a:prstGeom prst="rect">
            <a:avLst/>
          </a:prstGeom>
          <a:noFill/>
        </p:spPr>
        <p:txBody>
          <a:bodyPr rtlCol="0" wrap="square">
            <a:spAutoFit/>
          </a:bodyPr>
          <a:lstStyle/>
          <a:p txid="086211c3c3a3991ba62b888a88f01503">
            <a:pPr algn="ctr">
              <a:lnSpc>
                <a:spcPts val="3300"/>
              </a:lnSpc>
              <a:buClr>
                <a:srgbClr val="008CCF"/>
              </a:buClr>
            </a:pPr>
            <a:r>
              <a:rPr dirty="0" lang="es-ES" sz="2400">
                <a:solidFill>
                  <a:schemeClr val="accent2"/>
                </a:solidFill>
                <a:latin typeface="+mj-lt"/>
              </a:rPr>
              <a:t>RMNCAH </a:t>
            </a:r>
          </a:p>
        </p:txBody>
      </p:sp>
      <p:sp>
        <p:nvSpPr>
          <p:cNvPr id="25" name="TextBox 24">
            <a:extLst>
              <a:ext uri="{FF2B5EF4-FFF2-40B4-BE49-F238E27FC236}">
                <a16:creationId xmlns:a16="http://schemas.microsoft.com/office/drawing/2014/main" id="{AAE60F11-A7FD-6FC6-4084-B8C39155A77D}"/>
              </a:ext>
            </a:extLst>
          </p:cNvPr>
          <p:cNvSpPr txBox="1"/>
          <p:nvPr/>
        </p:nvSpPr>
        <p:spPr>
          <a:xfrm>
            <a:off x="2350676" y="3938569"/>
            <a:ext cx="1538514" cy="487634"/>
          </a:xfrm>
          <a:prstGeom prst="rect">
            <a:avLst/>
          </a:prstGeom>
          <a:noFill/>
        </p:spPr>
        <p:txBody>
          <a:bodyPr rtlCol="0" wrap="square">
            <a:spAutoFit/>
          </a:bodyPr>
          <a:lstStyle/>
          <a:p txid="086211c3c3a3991ba62b888a88f01503">
            <a:pPr algn="ctr">
              <a:lnSpc>
                <a:spcPts val="3300"/>
              </a:lnSpc>
              <a:buClr>
                <a:srgbClr val="008CCF"/>
              </a:buClr>
            </a:pPr>
            <a:r>
              <a:rPr dirty="0" lang="es-ES" sz="2400">
                <a:solidFill>
                  <a:schemeClr val="accent2"/>
                </a:solidFill>
                <a:latin typeface="+mj-lt"/>
              </a:rPr>
              <a:t>RMNCAH </a:t>
            </a:r>
          </a:p>
        </p:txBody>
      </p:sp>
      <p:sp>
        <p:nvSpPr>
          <p:cNvPr id="26" name="TextBox 25">
            <a:extLst>
              <a:ext uri="{FF2B5EF4-FFF2-40B4-BE49-F238E27FC236}">
                <a16:creationId xmlns:a16="http://schemas.microsoft.com/office/drawing/2014/main" id="{72763437-C952-958E-9019-04D8F7F5F218}"/>
              </a:ext>
            </a:extLst>
          </p:cNvPr>
          <p:cNvSpPr txBox="1"/>
          <p:nvPr/>
        </p:nvSpPr>
        <p:spPr>
          <a:xfrm>
            <a:off x="2350676" y="4481050"/>
            <a:ext cx="1538514" cy="487634"/>
          </a:xfrm>
          <a:prstGeom prst="rect">
            <a:avLst/>
          </a:prstGeom>
          <a:noFill/>
        </p:spPr>
        <p:txBody>
          <a:bodyPr rtlCol="0" wrap="square">
            <a:spAutoFit/>
          </a:bodyPr>
          <a:lstStyle/>
          <a:p txid="086211c3c3a3991ba62b888a88f01503">
            <a:pPr algn="ctr">
              <a:lnSpc>
                <a:spcPts val="3300"/>
              </a:lnSpc>
              <a:buClr>
                <a:srgbClr val="008CCF"/>
              </a:buClr>
            </a:pPr>
            <a:r>
              <a:rPr dirty="0" lang="es-ES" sz="2400">
                <a:solidFill>
                  <a:schemeClr val="accent2"/>
                </a:solidFill>
                <a:latin typeface="+mj-lt"/>
              </a:rPr>
              <a:t>RMNCAH </a:t>
            </a:r>
          </a:p>
        </p:txBody>
      </p:sp>
      <p:sp>
        <p:nvSpPr>
          <p:cNvPr id="14" name="Left Brace 13">
            <a:extLst>
              <a:ext uri="{FF2B5EF4-FFF2-40B4-BE49-F238E27FC236}">
                <a16:creationId xmlns:a16="http://schemas.microsoft.com/office/drawing/2014/main" id="{A29A4CE3-F4AD-1055-B890-7D633CFDA9D4}"/>
              </a:ext>
            </a:extLst>
          </p:cNvPr>
          <p:cNvSpPr/>
          <p:nvPr/>
        </p:nvSpPr>
        <p:spPr>
          <a:xfrm rot="10800000">
            <a:off x="5966032" y="2624593"/>
            <a:ext cx="456368" cy="2439812"/>
          </a:xfrm>
          <a:prstGeom prst="leftBrace">
            <a:avLst>
              <a:gd fmla="val 33552" name="adj1"/>
              <a:gd fmla="val 49056"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15" name="TextBox 14">
            <a:extLst>
              <a:ext uri="{FF2B5EF4-FFF2-40B4-BE49-F238E27FC236}">
                <a16:creationId xmlns:a16="http://schemas.microsoft.com/office/drawing/2014/main" id="{C36E62DA-1A02-FC1E-613F-8AACF65D3579}"/>
              </a:ext>
            </a:extLst>
          </p:cNvPr>
          <p:cNvSpPr txBox="1"/>
          <p:nvPr/>
        </p:nvSpPr>
        <p:spPr>
          <a:xfrm>
            <a:off x="6560943" y="3429000"/>
            <a:ext cx="3264035" cy="830997"/>
          </a:xfrm>
          <a:prstGeom prst="rect">
            <a:avLst/>
          </a:prstGeom>
          <a:noFill/>
        </p:spPr>
        <p:txBody>
          <a:bodyPr rtlCol="0" wrap="none">
            <a:spAutoFit/>
          </a:bodyPr>
          <a:lstStyle/>
          <a:p txid="7fd8918fa48feb69795d7b3029e928cd">
            <a:pPr algn="l">
              <a:buClr>
                <a:srgbClr val="008CCF"/>
              </a:buClr>
            </a:pPr>
            <a:r>
              <a:rPr lang="es-ES" sz="2400"/>
              <a:t>Trouver et regrouper facilement des éléments de données</a:t>
            </a:r>
            <a:r>
              <a:rPr lang="en-NO" sz="2400"/>
            </a:r>
            <a:r>
              <a:rPr dirty="0" lang="en-NO" sz="2400"/>
            </a:r>
            <a:br>
              <a:rPr dirty="0" lang="en-NO" sz="2400"/>
            </a:br>
            <a:r>
              <a:rPr dirty="0" lang="en-NO" sz="2400"/>
            </a:r>
          </a:p>
        </p:txBody>
      </p:sp>
    </p:spTree>
    <p:custDataLst>
      <p:tags r:id="rId1"/>
    </p:custDataLst>
    <p:extLst>
      <p:ext uri="{BB962C8B-B14F-4D97-AF65-F5344CB8AC3E}">
        <p14:creationId xmlns:p14="http://schemas.microsoft.com/office/powerpoint/2010/main" val="960641747"/>
      </p:ext>
    </p:extLst>
  </p:cSld>
  <p:clrMapOvr>
    <a:masterClrMapping/>
  </p:clrMapOvr>
  <mc:AlternateContent xmlns:mc="http://schemas.openxmlformats.org/markup-compatibility/2006" xmlns:p159="http://schemas.microsoft.com/office/powerpoint/2015/09/main">
    <mc:Choice Requires="p159">
      <p:transition advTm="11232" spd="slow">
        <p159:morph option="byObject"/>
      </p:transition>
    </mc:Choice>
    <mc:Fallback xmlns="">
      <p:transition advTm="11232"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22" presetSubtype="8">
                                  <p:stCondLst>
                                    <p:cond delay="0"/>
                                  </p:stCondLst>
                                  <p:childTnLst>
                                    <p:set>
                                      <p:cBhvr>
                                        <p:cTn dur="1" fill="hold" id="6">
                                          <p:stCondLst>
                                            <p:cond delay="0"/>
                                          </p:stCondLst>
                                        </p:cTn>
                                        <p:tgtEl>
                                          <p:spTgt spid="14"/>
                                        </p:tgtEl>
                                        <p:attrNameLst>
                                          <p:attrName>style.visibility</p:attrName>
                                        </p:attrNameLst>
                                      </p:cBhvr>
                                      <p:to>
                                        <p:strVal val="visible"/>
                                      </p:to>
                                    </p:set>
                                    <p:animEffect filter="wipe(left)" transition="in">
                                      <p:cBhvr>
                                        <p:cTn dur="500" id="7"/>
                                        <p:tgtEl>
                                          <p:spTgt spid="14"/>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5"/>
                                        </p:tgtEl>
                                        <p:attrNameLst>
                                          <p:attrName>style.visibility</p:attrName>
                                        </p:attrNameLst>
                                      </p:cBhvr>
                                      <p:to>
                                        <p:strVal val="visible"/>
                                      </p:to>
                                    </p:set>
                                    <p:animEffect filter="fade" transition="in">
                                      <p:cBhvr>
                                        <p:cTn dur="500" id="11"/>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4"/>
      <p:bldP grpId="0" spid="15"/>
    </p:bldLst>
  </p:timing>
</p:sld>
</file>

<file path=ppt/slides/slide2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C413727C-F0E1-62C3-BCAE-82447D46527D}"/>
              </a:ext>
            </a:extLst>
          </p:cNvPr>
          <p:cNvSpPr txBox="1"/>
          <p:nvPr/>
        </p:nvSpPr>
        <p:spPr>
          <a:xfrm>
            <a:off x="2063489" y="1118024"/>
            <a:ext cx="4678274" cy="1200329"/>
          </a:xfrm>
          <a:prstGeom prst="rect">
            <a:avLst/>
          </a:prstGeom>
          <a:noFill/>
        </p:spPr>
        <p:txBody>
          <a:bodyPr rtlCol="0" wrap="square">
            <a:spAutoFit/>
          </a:bodyPr>
          <a:lstStyle/>
          <a:p txid="98127295bb4dfcf8d7d66c8d70acb067">
            <a:pPr algn="l">
              <a:buClr>
                <a:srgbClr val="008CCF"/>
              </a:buClr>
            </a:pPr>
            <a:r>
              <a:rPr dirty="0" lang="en-US" sz="2400"/>
              <a:t>Lorsque vous utilisez des procédures différentes pour nommer les métadonnées</a:t>
            </a:r>
            <a:r>
              <a:rPr lang="en-NO" sz="2400"/>
            </a:r>
            <a:r>
              <a:rPr lang="en-US" sz="2400"/>
            </a:r>
            <a:endParaRPr dirty="0" lang="en-NO" sz="2400"/>
          </a:p>
        </p:txBody>
      </p:sp>
      <p:pic>
        <p:nvPicPr>
          <p:cNvPr descr="Arrow Right with solid fill" id="6" name="Graphic 5">
            <a:extLst>
              <a:ext uri="{FF2B5EF4-FFF2-40B4-BE49-F238E27FC236}">
                <a16:creationId xmlns:a16="http://schemas.microsoft.com/office/drawing/2014/main" id="{E9A74354-9137-AB04-B5DB-F7E2A92424B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6333422" y="1254549"/>
            <a:ext cx="1014323" cy="914400"/>
          </a:xfrm>
          <a:prstGeom prst="rect">
            <a:avLst/>
          </a:prstGeom>
        </p:spPr>
      </p:pic>
      <p:sp>
        <p:nvSpPr>
          <p:cNvPr id="7" name="TextBox 6">
            <a:extLst>
              <a:ext uri="{FF2B5EF4-FFF2-40B4-BE49-F238E27FC236}">
                <a16:creationId xmlns:a16="http://schemas.microsoft.com/office/drawing/2014/main" id="{6EEAF4AA-AFE0-D7E0-3442-12A400776912}"/>
              </a:ext>
            </a:extLst>
          </p:cNvPr>
          <p:cNvSpPr txBox="1"/>
          <p:nvPr/>
        </p:nvSpPr>
        <p:spPr>
          <a:xfrm>
            <a:off x="7712460" y="1296251"/>
            <a:ext cx="2798328" cy="830997"/>
          </a:xfrm>
          <a:prstGeom prst="rect">
            <a:avLst/>
          </a:prstGeom>
          <a:noFill/>
        </p:spPr>
        <p:txBody>
          <a:bodyPr rtlCol="0" wrap="square">
            <a:spAutoFit/>
          </a:bodyPr>
          <a:lstStyle/>
          <a:p txid="56d1463dde0b978d3241a73ed3339e16">
            <a:pPr algn="l">
              <a:buClr>
                <a:srgbClr val="008CCF"/>
              </a:buClr>
            </a:pPr>
            <a:r>
              <a:rPr dirty="0" lang="en-NO" sz="2400"/>
              <a:t>Le système devient difficile à utiliser</a:t>
            </a:r>
          </a:p>
        </p:txBody>
      </p:sp>
      <p:sp>
        <p:nvSpPr>
          <p:cNvPr id="8" name="TextBox 7">
            <a:extLst>
              <a:ext uri="{FF2B5EF4-FFF2-40B4-BE49-F238E27FC236}">
                <a16:creationId xmlns:a16="http://schemas.microsoft.com/office/drawing/2014/main" id="{E45D3013-BB13-D19A-F2BA-01B3E557CE9E}"/>
              </a:ext>
            </a:extLst>
          </p:cNvPr>
          <p:cNvSpPr txBox="1"/>
          <p:nvPr/>
        </p:nvSpPr>
        <p:spPr>
          <a:xfrm>
            <a:off x="2063489" y="3057517"/>
            <a:ext cx="8677758" cy="461665"/>
          </a:xfrm>
          <a:prstGeom prst="rect">
            <a:avLst/>
          </a:prstGeom>
          <a:noFill/>
        </p:spPr>
        <p:txBody>
          <a:bodyPr rtlCol="0" wrap="square">
            <a:spAutoFit/>
          </a:bodyPr>
          <a:lstStyle/>
          <a:p txid="0877d6a0533a7c42766648b92ed9eff8">
            <a:pPr algn="l" indent="-457200" marL="457200">
              <a:buClr>
                <a:srgbClr val="008CCF"/>
              </a:buClr>
              <a:buFont typeface="+mj-lt"/>
              <a:buAutoNum type="arabicPeriod"/>
            </a:pPr>
            <a:r>
              <a:rPr lang="en-NO" sz="2400"/>
              <a:t>Évitez les informations inutiles</a:t>
            </a:r>
            <a:r>
              <a:rPr lang="es-ES" sz="2400"/>
            </a:r>
            <a:r>
              <a:rPr lang="en-NO" sz="2400"/>
            </a:r>
            <a:r>
              <a:rPr dirty="0" lang="en-NO" sz="2400"/>
            </a:r>
          </a:p>
        </p:txBody>
      </p:sp>
      <p:sp>
        <p:nvSpPr>
          <p:cNvPr id="9" name="TextBox 8">
            <a:extLst>
              <a:ext uri="{FF2B5EF4-FFF2-40B4-BE49-F238E27FC236}">
                <a16:creationId xmlns:a16="http://schemas.microsoft.com/office/drawing/2014/main" id="{D3158BF0-A15B-D429-8FA0-90998041A9D3}"/>
              </a:ext>
            </a:extLst>
          </p:cNvPr>
          <p:cNvSpPr txBox="1"/>
          <p:nvPr/>
        </p:nvSpPr>
        <p:spPr>
          <a:xfrm>
            <a:off x="2063489" y="3591363"/>
            <a:ext cx="8677757" cy="461665"/>
          </a:xfrm>
          <a:prstGeom prst="rect">
            <a:avLst/>
          </a:prstGeom>
          <a:noFill/>
        </p:spPr>
        <p:txBody>
          <a:bodyPr rtlCol="0" wrap="square">
            <a:spAutoFit/>
          </a:bodyPr>
          <a:lstStyle/>
          <a:p txid="e3843f8a42beea1b89638fd31ad3ebbc">
            <a:pPr algn="l" indent="-457200" marL="457200">
              <a:buClr>
                <a:srgbClr val="008CCF"/>
              </a:buClr>
              <a:buFont typeface="+mj-lt"/>
              <a:buAutoNum startAt="2" type="arabicPeriod"/>
            </a:pPr>
            <a:r>
              <a:rPr lang="en-NO" sz="2400"/>
              <a:t> Placez les informations clés au début du nom </a:t>
            </a:r>
            <a:r>
              <a:rPr dirty="0" lang="en-NO" sz="2400"/>
            </a:r>
          </a:p>
        </p:txBody>
      </p:sp>
      <p:sp>
        <p:nvSpPr>
          <p:cNvPr id="10" name="TextBox 9">
            <a:extLst>
              <a:ext uri="{FF2B5EF4-FFF2-40B4-BE49-F238E27FC236}">
                <a16:creationId xmlns:a16="http://schemas.microsoft.com/office/drawing/2014/main" id="{D85B398B-F58D-AA0D-97B7-E4AB7599CC92}"/>
              </a:ext>
            </a:extLst>
          </p:cNvPr>
          <p:cNvSpPr txBox="1"/>
          <p:nvPr/>
        </p:nvSpPr>
        <p:spPr>
          <a:xfrm>
            <a:off x="2063489" y="5108216"/>
            <a:ext cx="8677758" cy="830997"/>
          </a:xfrm>
          <a:prstGeom prst="rect">
            <a:avLst/>
          </a:prstGeom>
          <a:noFill/>
        </p:spPr>
        <p:txBody>
          <a:bodyPr rtlCol="0" wrap="square">
            <a:spAutoFit/>
          </a:bodyPr>
          <a:lstStyle/>
          <a:p txid="9ed29487284dba5a81b72e12455dd067">
            <a:pPr algn="l">
              <a:buClr>
                <a:srgbClr val="008CCF"/>
              </a:buClr>
            </a:pPr>
            <a:r>
              <a:rPr dirty="0" lang="en-NO" sz="2400">
                <a:solidFill>
                  <a:schemeClr val="accent1"/>
                </a:solidFill>
              </a:rPr>
              <a:t>4. Ajoutez un préfixe au  programme avant le nom de  chaque élément de données</a:t>
            </a:r>
            <a:r>
              <a:rPr dirty="0" lang="en-NO" sz="2400"/>
            </a:r>
            <a:r>
              <a:rPr lang="en-NO" sz="2400"/>
            </a:r>
            <a:r>
              <a:rPr lang="es-ES" sz="2400"/>
            </a:r>
            <a:r>
              <a:rPr lang="en-NO" sz="2400"/>
              <a:t> </a:t>
            </a:r>
            <a:r>
              <a:rPr dirty="0" lang="en-NO" sz="2400"/>
            </a:r>
            <a:r>
              <a:rPr lang="en-NO" sz="2400"/>
            </a:r>
            <a:r>
              <a:rPr lang="en-US" sz="2400"/>
            </a:r>
            <a:br>
              <a:rPr dirty="0" lang="en-NO" sz="2400"/>
            </a:br>
            <a:r>
              <a:rPr dirty="0" lang="en-NO" sz="2400"/>
            </a:r>
          </a:p>
        </p:txBody>
      </p:sp>
      <p:sp>
        <p:nvSpPr>
          <p:cNvPr id="3" name="TextBox 2">
            <a:extLst>
              <a:ext uri="{FF2B5EF4-FFF2-40B4-BE49-F238E27FC236}">
                <a16:creationId xmlns:a16="http://schemas.microsoft.com/office/drawing/2014/main" id="{B4685BBD-7249-BDBA-3B76-7F98A7F91353}"/>
              </a:ext>
            </a:extLst>
          </p:cNvPr>
          <p:cNvSpPr txBox="1"/>
          <p:nvPr/>
        </p:nvSpPr>
        <p:spPr>
          <a:xfrm>
            <a:off x="2063489" y="2387065"/>
            <a:ext cx="7135528" cy="461665"/>
          </a:xfrm>
          <a:prstGeom prst="rect">
            <a:avLst/>
          </a:prstGeom>
          <a:noFill/>
        </p:spPr>
        <p:txBody>
          <a:bodyPr rtlCol="0" wrap="square">
            <a:spAutoFit/>
          </a:bodyPr>
          <a:lstStyle/>
          <a:p txid="294a7c312da571e4fe7c5ee8325ed7da">
            <a:pPr algn="l">
              <a:buClr>
                <a:srgbClr val="008CCF"/>
              </a:buClr>
            </a:pPr>
            <a:r>
              <a:rPr lang="es-ES" sz="2400"/>
              <a:t>Bonnes pratiques en matière de conventions d'appellation :</a:t>
            </a:r>
          </a:p>
        </p:txBody>
      </p:sp>
      <p:sp>
        <p:nvSpPr>
          <p:cNvPr id="5" name="TextBox 4">
            <a:extLst>
              <a:ext uri="{FF2B5EF4-FFF2-40B4-BE49-F238E27FC236}">
                <a16:creationId xmlns:a16="http://schemas.microsoft.com/office/drawing/2014/main" id="{D266FEFD-C906-197B-C6D3-AF6EDC5A6E4B}"/>
              </a:ext>
            </a:extLst>
          </p:cNvPr>
          <p:cNvSpPr txBox="1"/>
          <p:nvPr/>
        </p:nvSpPr>
        <p:spPr>
          <a:xfrm>
            <a:off x="2063489" y="4125209"/>
            <a:ext cx="8178800" cy="910827"/>
          </a:xfrm>
          <a:prstGeom prst="rect">
            <a:avLst/>
          </a:prstGeom>
          <a:noFill/>
        </p:spPr>
        <p:txBody>
          <a:bodyPr rtlCol="0" wrap="square">
            <a:spAutoFit/>
          </a:bodyPr>
          <a:lstStyle/>
          <a:p txid="1cfb954a732574aab5465f34896760a2">
            <a:pPr algn="l" indent="-457200" marL="457200">
              <a:lnSpc>
                <a:spcPts val="3300"/>
              </a:lnSpc>
              <a:buClr>
                <a:srgbClr val="008CCF"/>
              </a:buClr>
              <a:buFont typeface="+mj-lt"/>
              <a:buAutoNum startAt="3" type="arabicPeriod"/>
            </a:pPr>
            <a:r>
              <a:rPr lang="es-ES" sz="2400"/>
              <a:t>Utilisez le même préfixe pour les éléments associés afin de les garder ensemble</a:t>
            </a:r>
          </a:p>
        </p:txBody>
      </p:sp>
    </p:spTree>
    <p:custDataLst>
      <p:tags r:id="rId1"/>
    </p:custDataLst>
    <p:extLst>
      <p:ext uri="{BB962C8B-B14F-4D97-AF65-F5344CB8AC3E}">
        <p14:creationId xmlns:p14="http://schemas.microsoft.com/office/powerpoint/2010/main" val="893546074"/>
      </p:ext>
    </p:extLst>
  </p:cSld>
  <p:clrMapOvr>
    <a:masterClrMapping/>
  </p:clrMapOvr>
  <mc:AlternateContent xmlns:mc="http://schemas.openxmlformats.org/markup-compatibility/2006" xmlns:p14="http://schemas.microsoft.com/office/powerpoint/2010/main">
    <mc:Choice Requires="p14">
      <p:transition advTm="38688" p14:dur="2000" spd="slow"/>
    </mc:Choice>
    <mc:Fallback xmlns="">
      <p:transition advTm="3868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8">
                                  <p:stCondLst>
                                    <p:cond delay="0"/>
                                  </p:stCondLst>
                                  <p:childTnLst>
                                    <p:set>
                                      <p:cBhvr>
                                        <p:cTn dur="1" fill="hold" id="11">
                                          <p:stCondLst>
                                            <p:cond delay="0"/>
                                          </p:stCondLst>
                                        </p:cTn>
                                        <p:tgtEl>
                                          <p:spTgt spid="6"/>
                                        </p:tgtEl>
                                        <p:attrNameLst>
                                          <p:attrName>style.visibility</p:attrName>
                                        </p:attrNameLst>
                                      </p:cBhvr>
                                      <p:to>
                                        <p:strVal val="visible"/>
                                      </p:to>
                                    </p:set>
                                    <p:animEffect filter="wipe(left)"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gtEl>
                                        <p:attrNameLst>
                                          <p:attrName>style.visibility</p:attrName>
                                        </p:attrNameLst>
                                      </p:cBhvr>
                                      <p:to>
                                        <p:strVal val="visible"/>
                                      </p:to>
                                    </p:set>
                                    <p:animEffect filter="fade" transition="in">
                                      <p:cBhvr>
                                        <p:cTn dur="500" id="22"/>
                                        <p:tgtEl>
                                          <p:spTgt spid="3"/>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8"/>
                                        </p:tgtEl>
                                        <p:attrNameLst>
                                          <p:attrName>style.visibility</p:attrName>
                                        </p:attrNameLst>
                                      </p:cBhvr>
                                      <p:to>
                                        <p:strVal val="visible"/>
                                      </p:to>
                                    </p:set>
                                    <p:animEffect filter="fade" transition="in">
                                      <p:cBhvr>
                                        <p:cTn dur="500" id="27"/>
                                        <p:tgtEl>
                                          <p:spTgt spid="8"/>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9"/>
                                        </p:tgtEl>
                                        <p:attrNameLst>
                                          <p:attrName>style.visibility</p:attrName>
                                        </p:attrNameLst>
                                      </p:cBhvr>
                                      <p:to>
                                        <p:strVal val="visible"/>
                                      </p:to>
                                    </p:set>
                                    <p:animEffect filter="fade" transition="in">
                                      <p:cBhvr>
                                        <p:cTn dur="500" id="32"/>
                                        <p:tgtEl>
                                          <p:spTgt spid="9"/>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5"/>
                                        </p:tgtEl>
                                        <p:attrNameLst>
                                          <p:attrName>style.visibility</p:attrName>
                                        </p:attrNameLst>
                                      </p:cBhvr>
                                      <p:to>
                                        <p:strVal val="visible"/>
                                      </p:to>
                                    </p:set>
                                    <p:animEffect filter="fade" transition="in">
                                      <p:cBhvr>
                                        <p:cTn dur="500" id="37"/>
                                        <p:tgtEl>
                                          <p:spTgt spid="5"/>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10"/>
                                        </p:tgtEl>
                                        <p:attrNameLst>
                                          <p:attrName>style.visibility</p:attrName>
                                        </p:attrNameLst>
                                      </p:cBhvr>
                                      <p:to>
                                        <p:strVal val="visible"/>
                                      </p:to>
                                    </p:set>
                                    <p:animEffect filter="fade" transition="in">
                                      <p:cBhvr>
                                        <p:cTn dur="500" id="42"/>
                                        <p:tgtEl>
                                          <p:spTgt spid="1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grpId="0" spid="7"/>
      <p:bldP grpId="0" spid="8"/>
      <p:bldP grpId="0" spid="9"/>
      <p:bldP grpId="0" spid="10"/>
      <p:bldP grpId="0" spid="3"/>
      <p:bldP grpId="0" spid="5"/>
    </p:bldLst>
  </p:timing>
</p:sld>
</file>

<file path=ppt/slides/slide2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5" name="Graphic 14">
            <a:extLst>
              <a:ext uri="{FF2B5EF4-FFF2-40B4-BE49-F238E27FC236}">
                <a16:creationId xmlns:a16="http://schemas.microsoft.com/office/drawing/2014/main" id="{499F17B6-1F3C-8798-5235-A13DCD69D1E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3081821" y="1185690"/>
            <a:ext cx="714508" cy="688778"/>
          </a:xfrm>
          <a:prstGeom prst="rect">
            <a:avLst/>
          </a:prstGeom>
        </p:spPr>
      </p:pic>
      <p:pic>
        <p:nvPicPr>
          <p:cNvPr id="34" name="Graphic 33">
            <a:extLst>
              <a:ext uri="{FF2B5EF4-FFF2-40B4-BE49-F238E27FC236}">
                <a16:creationId xmlns:a16="http://schemas.microsoft.com/office/drawing/2014/main" id="{64E7858B-DBFE-54E2-3D22-06CFC017A15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8444131" y="1185690"/>
            <a:ext cx="714508" cy="688778"/>
          </a:xfrm>
          <a:prstGeom prst="rect">
            <a:avLst/>
          </a:prstGeom>
        </p:spPr>
      </p:pic>
      <p:pic>
        <p:nvPicPr>
          <p:cNvPr id="35" name="Graphic 34">
            <a:extLst>
              <a:ext uri="{FF2B5EF4-FFF2-40B4-BE49-F238E27FC236}">
                <a16:creationId xmlns:a16="http://schemas.microsoft.com/office/drawing/2014/main" id="{622F7840-15FC-E5C9-8220-38F308E1209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8444131" y="5622910"/>
            <a:ext cx="714508" cy="688778"/>
          </a:xfrm>
          <a:prstGeom prst="rect">
            <a:avLst/>
          </a:prstGeom>
        </p:spPr>
      </p:pic>
      <p:pic>
        <p:nvPicPr>
          <p:cNvPr id="36" name="Graphic 35">
            <a:extLst>
              <a:ext uri="{FF2B5EF4-FFF2-40B4-BE49-F238E27FC236}">
                <a16:creationId xmlns:a16="http://schemas.microsoft.com/office/drawing/2014/main" id="{1E3F0727-ECCD-07F0-17F4-D87C2E2085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3081821" y="5622910"/>
            <a:ext cx="714508" cy="688778"/>
          </a:xfrm>
          <a:prstGeom prst="rect">
            <a:avLst/>
          </a:prstGeom>
        </p:spPr>
      </p:pic>
      <p:pic>
        <p:nvPicPr>
          <p:cNvPr id="41" name="Graphic 40">
            <a:extLst>
              <a:ext uri="{FF2B5EF4-FFF2-40B4-BE49-F238E27FC236}">
                <a16:creationId xmlns:a16="http://schemas.microsoft.com/office/drawing/2014/main" id="{814B326E-CF75-9240-10A0-889F3E265D1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2022931" y="3261219"/>
            <a:ext cx="714508" cy="688778"/>
          </a:xfrm>
          <a:prstGeom prst="rect">
            <a:avLst/>
          </a:prstGeom>
        </p:spPr>
      </p:pic>
      <p:pic>
        <p:nvPicPr>
          <p:cNvPr id="42" name="Graphic 41">
            <a:extLst>
              <a:ext uri="{FF2B5EF4-FFF2-40B4-BE49-F238E27FC236}">
                <a16:creationId xmlns:a16="http://schemas.microsoft.com/office/drawing/2014/main" id="{1BA32680-DE15-4372-8E0F-C3CF6BD446C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9460898" y="3259158"/>
            <a:ext cx="714508" cy="688778"/>
          </a:xfrm>
          <a:prstGeom prst="rect">
            <a:avLst/>
          </a:prstGeom>
        </p:spPr>
      </p:pic>
      <p:grpSp>
        <p:nvGrpSpPr>
          <p:cNvPr id="16" name="Group 15">
            <a:extLst>
              <a:ext uri="{FF2B5EF4-FFF2-40B4-BE49-F238E27FC236}">
                <a16:creationId xmlns:a16="http://schemas.microsoft.com/office/drawing/2014/main" id="{0091D01F-5285-153F-4D86-86B0C7EA46DD}"/>
              </a:ext>
            </a:extLst>
          </p:cNvPr>
          <p:cNvGrpSpPr/>
          <p:nvPr/>
        </p:nvGrpSpPr>
        <p:grpSpPr>
          <a:xfrm>
            <a:off x="3324889" y="2023840"/>
            <a:ext cx="5573040" cy="3348806"/>
            <a:chOff x="2603386" y="1817914"/>
            <a:chExt cx="6985227" cy="4197380"/>
          </a:xfrm>
        </p:grpSpPr>
        <p:sp>
          <p:nvSpPr>
            <p:cNvPr id="17" name="Freeform: Shape 16">
              <a:extLst>
                <a:ext uri="{FF2B5EF4-FFF2-40B4-BE49-F238E27FC236}">
                  <a16:creationId xmlns:a16="http://schemas.microsoft.com/office/drawing/2014/main" id="{6FBCE030-4187-F0CB-F547-E96F45E6790C}"/>
                </a:ext>
              </a:extLst>
            </p:cNvPr>
            <p:cNvSpPr/>
            <p:nvPr/>
          </p:nvSpPr>
          <p:spPr>
            <a:xfrm>
              <a:off x="3274483" y="1817914"/>
              <a:ext cx="5612348" cy="3840720"/>
            </a:xfrm>
            <a:custGeom>
              <a:avLst/>
              <a:gdLst>
                <a:gd fmla="*/ 102097 w 5612348" name="connsiteX0"/>
                <a:gd fmla="*/ 0 h 3840720" name="connsiteY0"/>
                <a:gd fmla="*/ 5510252 w 5612348" name="connsiteX1"/>
                <a:gd fmla="*/ 0 h 3840720" name="connsiteY1"/>
                <a:gd fmla="*/ 5612348 w 5612348" name="connsiteX2"/>
                <a:gd fmla="*/ 102097 h 3840720" name="connsiteY2"/>
                <a:gd fmla="*/ 5612348 w 5612348" name="connsiteX3"/>
                <a:gd fmla="*/ 3738624 h 3840720" name="connsiteY3"/>
                <a:gd fmla="*/ 5510252 w 5612348" name="connsiteX4"/>
                <a:gd fmla="*/ 3840721 h 3840720" name="connsiteY4"/>
                <a:gd fmla="*/ 102097 w 5612348" name="connsiteX5"/>
                <a:gd fmla="*/ 3840721 h 3840720" name="connsiteY5"/>
                <a:gd fmla="*/ 0 w 5612348" name="connsiteX6"/>
                <a:gd fmla="*/ 3738624 h 3840720" name="connsiteY6"/>
                <a:gd fmla="*/ 0 w 5612348" name="connsiteX7"/>
                <a:gd fmla="*/ 102097 h 3840720" name="connsiteY7"/>
                <a:gd fmla="*/ 102097 w 5612348" name="connsiteX8"/>
                <a:gd fmla="*/ 0 h 3840720"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840720" w="5612348">
                  <a:moveTo>
                    <a:pt x="102097" y="0"/>
                  </a:moveTo>
                  <a:lnTo>
                    <a:pt x="5510252" y="0"/>
                  </a:lnTo>
                  <a:cubicBezTo>
                    <a:pt x="5566391" y="0"/>
                    <a:pt x="5612348" y="45957"/>
                    <a:pt x="5612348" y="102097"/>
                  </a:cubicBezTo>
                  <a:lnTo>
                    <a:pt x="5612348" y="3738624"/>
                  </a:lnTo>
                  <a:cubicBezTo>
                    <a:pt x="5612348" y="3794764"/>
                    <a:pt x="5566391" y="3840721"/>
                    <a:pt x="5510252" y="3840721"/>
                  </a:cubicBezTo>
                  <a:lnTo>
                    <a:pt x="102097" y="3840721"/>
                  </a:lnTo>
                  <a:cubicBezTo>
                    <a:pt x="45957" y="3840721"/>
                    <a:pt x="0" y="3794764"/>
                    <a:pt x="0" y="3738624"/>
                  </a:cubicBezTo>
                  <a:lnTo>
                    <a:pt x="0" y="102097"/>
                  </a:lnTo>
                  <a:cubicBezTo>
                    <a:pt x="0" y="45957"/>
                    <a:pt x="45957" y="0"/>
                    <a:pt x="102097" y="0"/>
                  </a:cubicBezTo>
                  <a:close/>
                </a:path>
              </a:pathLst>
            </a:custGeom>
            <a:solidFill>
              <a:srgbClr val="093371"/>
            </a:solidFill>
            <a:ln cap="flat" w="6785">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738B592E-15C9-B6AF-850B-B4EC64DD30E9}"/>
                </a:ext>
              </a:extLst>
            </p:cNvPr>
            <p:cNvSpPr/>
            <p:nvPr/>
          </p:nvSpPr>
          <p:spPr>
            <a:xfrm>
              <a:off x="3487706" y="2033308"/>
              <a:ext cx="5220048" cy="3437559"/>
            </a:xfrm>
            <a:custGeom>
              <a:avLst/>
              <a:gdLst>
                <a:gd fmla="*/ 58108 w 5220048" name="connsiteX0"/>
                <a:gd fmla="*/ 0 h 3437559" name="connsiteY0"/>
                <a:gd fmla="*/ 5161940 w 5220048" name="connsiteX1"/>
                <a:gd fmla="*/ 0 h 3437559" name="connsiteY1"/>
                <a:gd fmla="*/ 5220049 w 5220048" name="connsiteX2"/>
                <a:gd fmla="*/ 58584 h 3437559" name="connsiteY2"/>
                <a:gd fmla="*/ 5220049 w 5220048" name="connsiteX3"/>
                <a:gd fmla="*/ 3378976 h 3437559" name="connsiteY3"/>
                <a:gd fmla="*/ 5161940 w 5220048" name="connsiteX4"/>
                <a:gd fmla="*/ 3437560 h 3437559" name="connsiteY4"/>
                <a:gd fmla="*/ 58108 w 5220048" name="connsiteX5"/>
                <a:gd fmla="*/ 3437560 h 3437559" name="connsiteY5"/>
                <a:gd fmla="*/ 0 w 5220048" name="connsiteX6"/>
                <a:gd fmla="*/ 3378976 h 3437559" name="connsiteY6"/>
                <a:gd fmla="*/ 0 w 5220048" name="connsiteX7"/>
                <a:gd fmla="*/ 58584 h 3437559" name="connsiteY7"/>
                <a:gd fmla="*/ 58108 w 5220048" name="connsiteX8"/>
                <a:gd fmla="*/ 0 h 343755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437559" w="5220048">
                  <a:moveTo>
                    <a:pt x="58108" y="0"/>
                  </a:moveTo>
                  <a:lnTo>
                    <a:pt x="5161940" y="0"/>
                  </a:lnTo>
                  <a:cubicBezTo>
                    <a:pt x="5194049" y="0"/>
                    <a:pt x="5220049" y="26203"/>
                    <a:pt x="5220049" y="58584"/>
                  </a:cubicBezTo>
                  <a:lnTo>
                    <a:pt x="5220049" y="3378976"/>
                  </a:lnTo>
                  <a:cubicBezTo>
                    <a:pt x="5220049" y="3411357"/>
                    <a:pt x="5194049" y="3437560"/>
                    <a:pt x="5161940" y="3437560"/>
                  </a:cubicBezTo>
                  <a:lnTo>
                    <a:pt x="58108" y="3437560"/>
                  </a:lnTo>
                  <a:cubicBezTo>
                    <a:pt x="25999" y="3437560"/>
                    <a:pt x="0" y="3411357"/>
                    <a:pt x="0" y="3378976"/>
                  </a:cubicBezTo>
                  <a:lnTo>
                    <a:pt x="0" y="58584"/>
                  </a:lnTo>
                  <a:cubicBezTo>
                    <a:pt x="0" y="26203"/>
                    <a:pt x="25999" y="0"/>
                    <a:pt x="58108" y="0"/>
                  </a:cubicBezTo>
                  <a:close/>
                </a:path>
              </a:pathLst>
            </a:custGeom>
            <a:solidFill>
              <a:srgbClr val="FFFFFF"/>
            </a:solidFill>
            <a:ln cap="flat" w="6785">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771E7862-B479-21C9-36FE-8BCD32412C9D}"/>
                </a:ext>
              </a:extLst>
            </p:cNvPr>
            <p:cNvSpPr/>
            <p:nvPr/>
          </p:nvSpPr>
          <p:spPr>
            <a:xfrm rot="21573000">
              <a:off x="6037812" y="1881489"/>
              <a:ext cx="87434" cy="87434"/>
            </a:xfrm>
            <a:custGeom>
              <a:avLst/>
              <a:gdLst>
                <a:gd fmla="*/ 87434 w 87434" name="connsiteX0"/>
                <a:gd fmla="*/ 43717 h 87434" name="connsiteY0"/>
                <a:gd fmla="*/ 43717 w 87434" name="connsiteX1"/>
                <a:gd fmla="*/ 87434 h 87434" name="connsiteY1"/>
                <a:gd fmla="*/ 0 w 87434" name="connsiteX2"/>
                <a:gd fmla="*/ 43717 h 87434" name="connsiteY2"/>
                <a:gd fmla="*/ 43717 w 87434" name="connsiteX3"/>
                <a:gd fmla="*/ 0 h 87434" name="connsiteY3"/>
                <a:gd fmla="*/ 87434 w 87434" name="connsiteX4"/>
                <a:gd fmla="*/ 43717 h 874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87434" w="87434">
                  <a:moveTo>
                    <a:pt x="87434" y="43717"/>
                  </a:moveTo>
                  <a:cubicBezTo>
                    <a:pt x="87434" y="67861"/>
                    <a:pt x="67861" y="87434"/>
                    <a:pt x="43717" y="87434"/>
                  </a:cubicBezTo>
                  <a:cubicBezTo>
                    <a:pt x="19573" y="87434"/>
                    <a:pt x="0" y="67861"/>
                    <a:pt x="0" y="43717"/>
                  </a:cubicBezTo>
                  <a:cubicBezTo>
                    <a:pt x="0" y="19573"/>
                    <a:pt x="19573" y="0"/>
                    <a:pt x="43717" y="0"/>
                  </a:cubicBezTo>
                  <a:cubicBezTo>
                    <a:pt x="67861" y="0"/>
                    <a:pt x="87434" y="19573"/>
                    <a:pt x="87434" y="43717"/>
                  </a:cubicBezTo>
                  <a:close/>
                </a:path>
              </a:pathLst>
            </a:custGeom>
            <a:solidFill>
              <a:srgbClr val="FF8F02"/>
            </a:solidFill>
            <a:ln cap="flat" w="678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8A50A274-0BC7-D7C1-7E4A-C0397FBB2CD5}"/>
                </a:ext>
              </a:extLst>
            </p:cNvPr>
            <p:cNvSpPr/>
            <p:nvPr/>
          </p:nvSpPr>
          <p:spPr>
            <a:xfrm>
              <a:off x="2603386" y="5775258"/>
              <a:ext cx="6985227" cy="240036"/>
            </a:xfrm>
            <a:custGeom>
              <a:avLst/>
              <a:gdLst>
                <a:gd fmla="*/ 6982241 w 6985227" name="connsiteX0"/>
                <a:gd fmla="*/ 0 h 240036" name="connsiteY0"/>
                <a:gd fmla="*/ 3990337 w 6985227" name="connsiteX1"/>
                <a:gd fmla="*/ 0 h 240036" name="connsiteY1"/>
                <a:gd fmla="*/ 3922656 w 6985227" name="connsiteX2"/>
                <a:gd fmla="*/ 109089 h 240036" name="connsiteY2"/>
                <a:gd fmla="*/ 3055918 w 6985227" name="connsiteX3"/>
                <a:gd fmla="*/ 109089 h 240036" name="connsiteY3"/>
                <a:gd fmla="*/ 2988238 w 6985227" name="connsiteX4"/>
                <a:gd fmla="*/ 0 h 240036" name="connsiteY4"/>
                <a:gd fmla="*/ 2987 w 6985227" name="connsiteX5"/>
                <a:gd fmla="*/ 0 h 240036" name="connsiteY5"/>
                <a:gd fmla="*/ 0 w 6985227" name="connsiteX6"/>
                <a:gd fmla="*/ 5974 h 240036" name="connsiteY6"/>
                <a:gd fmla="*/ 396101 w 6985227" name="connsiteX7"/>
                <a:gd fmla="*/ 240036 h 240036" name="connsiteY7"/>
                <a:gd fmla="*/ 6589126 w 6985227" name="connsiteX8"/>
                <a:gd fmla="*/ 240036 h 240036" name="connsiteY8"/>
                <a:gd fmla="*/ 6985227 w 6985227" name="connsiteX9"/>
                <a:gd fmla="*/ 5974 h 240036" name="connsiteY9"/>
                <a:gd fmla="*/ 6982241 w 6985227" name="connsiteX10"/>
                <a:gd fmla="*/ 0 h 240036"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240036" w="6985227">
                  <a:moveTo>
                    <a:pt x="6982241" y="0"/>
                  </a:moveTo>
                  <a:lnTo>
                    <a:pt x="3990337" y="0"/>
                  </a:lnTo>
                  <a:cubicBezTo>
                    <a:pt x="3988979" y="71685"/>
                    <a:pt x="3959110" y="109089"/>
                    <a:pt x="3922656" y="109089"/>
                  </a:cubicBezTo>
                  <a:lnTo>
                    <a:pt x="3055918" y="109089"/>
                  </a:lnTo>
                  <a:cubicBezTo>
                    <a:pt x="3019465" y="109089"/>
                    <a:pt x="2989528" y="71617"/>
                    <a:pt x="2988238" y="0"/>
                  </a:cubicBezTo>
                  <a:lnTo>
                    <a:pt x="2987" y="0"/>
                  </a:lnTo>
                  <a:cubicBezTo>
                    <a:pt x="1358" y="0"/>
                    <a:pt x="0" y="2715"/>
                    <a:pt x="0" y="5974"/>
                  </a:cubicBezTo>
                  <a:cubicBezTo>
                    <a:pt x="0" y="117575"/>
                    <a:pt x="248522" y="215327"/>
                    <a:pt x="396101" y="240036"/>
                  </a:cubicBezTo>
                  <a:lnTo>
                    <a:pt x="6589126" y="240036"/>
                  </a:lnTo>
                  <a:cubicBezTo>
                    <a:pt x="6736705" y="215327"/>
                    <a:pt x="6985227" y="117575"/>
                    <a:pt x="6985227" y="5974"/>
                  </a:cubicBezTo>
                  <a:cubicBezTo>
                    <a:pt x="6985227" y="2715"/>
                    <a:pt x="6983870" y="0"/>
                    <a:pt x="6982241" y="0"/>
                  </a:cubicBezTo>
                  <a:close/>
                </a:path>
              </a:pathLst>
            </a:custGeom>
            <a:solidFill>
              <a:srgbClr val="093371"/>
            </a:solidFill>
            <a:ln cap="flat" w="6785">
              <a:noFill/>
              <a:prstDash val="solid"/>
              <a:miter/>
            </a:ln>
          </p:spPr>
          <p:txBody>
            <a:bodyPr anchor="ctr" rtlCol="0"/>
            <a:lstStyle/>
            <a:p>
              <a:endParaRPr lang="es-ES"/>
            </a:p>
          </p:txBody>
        </p:sp>
      </p:grpSp>
      <p:pic>
        <p:nvPicPr>
          <p:cNvPr id="24" name="Graphic 23">
            <a:extLst>
              <a:ext uri="{FF2B5EF4-FFF2-40B4-BE49-F238E27FC236}">
                <a16:creationId xmlns:a16="http://schemas.microsoft.com/office/drawing/2014/main" id="{026B4BA1-6337-86FB-6620-CDC23378EE3C}"/>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4671178" y="2890908"/>
            <a:ext cx="2805022" cy="1495298"/>
          </a:xfrm>
          <a:prstGeom prst="rect">
            <a:avLst/>
          </a:prstGeom>
        </p:spPr>
      </p:pic>
      <p:grpSp>
        <p:nvGrpSpPr>
          <p:cNvPr id="26" name="Group 25">
            <a:extLst>
              <a:ext uri="{FF2B5EF4-FFF2-40B4-BE49-F238E27FC236}">
                <a16:creationId xmlns:a16="http://schemas.microsoft.com/office/drawing/2014/main" id="{45B0D2BB-A4A2-CF5E-080E-8A01EA3E3A64}"/>
              </a:ext>
            </a:extLst>
          </p:cNvPr>
          <p:cNvGrpSpPr/>
          <p:nvPr/>
        </p:nvGrpSpPr>
        <p:grpSpPr>
          <a:xfrm>
            <a:off x="4671977" y="2891301"/>
            <a:ext cx="2803425" cy="1494512"/>
            <a:chOff x="4777937" y="5166836"/>
            <a:chExt cx="2803425" cy="1494512"/>
          </a:xfrm>
        </p:grpSpPr>
        <p:grpSp>
          <p:nvGrpSpPr>
            <p:cNvPr id="37" name="Graphic 24">
              <a:extLst>
                <a:ext uri="{FF2B5EF4-FFF2-40B4-BE49-F238E27FC236}">
                  <a16:creationId xmlns:a16="http://schemas.microsoft.com/office/drawing/2014/main" id="{92C26CB4-B75A-0C5F-39FA-9DA68AD7AF43}"/>
                </a:ext>
              </a:extLst>
            </p:cNvPr>
            <p:cNvGrpSpPr/>
            <p:nvPr/>
          </p:nvGrpSpPr>
          <p:grpSpPr>
            <a:xfrm>
              <a:off x="4777937" y="5166836"/>
              <a:ext cx="2803425" cy="1494512"/>
              <a:chOff x="517539" y="4386965"/>
              <a:chExt cx="2803425" cy="1494512"/>
            </a:xfrm>
          </p:grpSpPr>
          <p:sp>
            <p:nvSpPr>
              <p:cNvPr id="38" name="Freeform: Shape 37">
                <a:extLst>
                  <a:ext uri="{FF2B5EF4-FFF2-40B4-BE49-F238E27FC236}">
                    <a16:creationId xmlns:a16="http://schemas.microsoft.com/office/drawing/2014/main" id="{4F906B4C-DAE8-8257-A60B-766AAF7953F1}"/>
                  </a:ext>
                </a:extLst>
              </p:cNvPr>
              <p:cNvSpPr/>
              <p:nvPr/>
            </p:nvSpPr>
            <p:spPr>
              <a:xfrm>
                <a:off x="2450693" y="4903761"/>
                <a:ext cx="442504" cy="442504"/>
              </a:xfrm>
              <a:custGeom>
                <a:avLst/>
                <a:gdLst>
                  <a:gd fmla="*/ 64799 w 442504" name="connsiteX0"/>
                  <a:gd fmla="*/ 64799 h 442504" name="connsiteY0"/>
                  <a:gd fmla="*/ 64799 w 442504" name="connsiteX1"/>
                  <a:gd fmla="*/ 377706 h 442504" name="connsiteY1"/>
                  <a:gd fmla="*/ 377706 w 442504" name="connsiteX2"/>
                  <a:gd fmla="*/ 377706 h 442504" name="connsiteY2"/>
                  <a:gd fmla="*/ 377706 w 442504" name="connsiteX3"/>
                  <a:gd fmla="*/ 64799 h 442504" name="connsiteY3"/>
                  <a:gd fmla="*/ 64799 w 442504" name="connsiteX4"/>
                  <a:gd fmla="*/ 64799 h 442504" name="connsiteY4"/>
                  <a:gd fmla="*/ 152768 w 442504" name="connsiteX5"/>
                  <a:gd fmla="*/ 289023 h 442504" name="connsiteY5"/>
                  <a:gd fmla="*/ 152768 w 442504" name="connsiteX6"/>
                  <a:gd fmla="*/ 153875 h 442504" name="connsiteY6"/>
                  <a:gd fmla="*/ 287916 w 442504" name="connsiteX7"/>
                  <a:gd fmla="*/ 153875 h 442504" name="connsiteY7"/>
                  <a:gd fmla="*/ 287916 w 442504" name="connsiteX8"/>
                  <a:gd fmla="*/ 289023 h 442504" name="connsiteY8"/>
                  <a:gd fmla="*/ 152768 w 442504" name="connsiteX9"/>
                  <a:gd fmla="*/ 289023 h 442504"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42504" w="442504">
                    <a:moveTo>
                      <a:pt x="64799" y="64799"/>
                    </a:moveTo>
                    <a:cubicBezTo>
                      <a:pt x="-21600" y="151198"/>
                      <a:pt x="-21600" y="291307"/>
                      <a:pt x="64799" y="377706"/>
                    </a:cubicBezTo>
                    <a:cubicBezTo>
                      <a:pt x="151198" y="464104"/>
                      <a:pt x="291307" y="464104"/>
                      <a:pt x="377706" y="377706"/>
                    </a:cubicBezTo>
                    <a:cubicBezTo>
                      <a:pt x="464104" y="291307"/>
                      <a:pt x="464104" y="151198"/>
                      <a:pt x="377706" y="64799"/>
                    </a:cubicBezTo>
                    <a:cubicBezTo>
                      <a:pt x="291307" y="-21600"/>
                      <a:pt x="151198" y="-21600"/>
                      <a:pt x="64799" y="64799"/>
                    </a:cubicBezTo>
                    <a:close/>
                    <a:moveTo>
                      <a:pt x="152768" y="289023"/>
                    </a:moveTo>
                    <a:cubicBezTo>
                      <a:pt x="115439" y="251694"/>
                      <a:pt x="115439" y="191204"/>
                      <a:pt x="152768" y="153875"/>
                    </a:cubicBezTo>
                    <a:cubicBezTo>
                      <a:pt x="190097" y="116546"/>
                      <a:pt x="250587" y="116546"/>
                      <a:pt x="287916" y="153875"/>
                    </a:cubicBezTo>
                    <a:cubicBezTo>
                      <a:pt x="325245" y="191204"/>
                      <a:pt x="325245" y="251694"/>
                      <a:pt x="287916" y="289023"/>
                    </a:cubicBezTo>
                    <a:cubicBezTo>
                      <a:pt x="250587" y="326351"/>
                      <a:pt x="190097" y="326351"/>
                      <a:pt x="152768" y="289023"/>
                    </a:cubicBezTo>
                    <a:close/>
                  </a:path>
                </a:pathLst>
              </a:custGeom>
              <a:solidFill>
                <a:schemeClr val="tx2"/>
              </a:solidFill>
              <a:ln cap="flat" w="3563">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67BA0D13-CE0F-7C04-BE6A-115443ED3189}"/>
                  </a:ext>
                </a:extLst>
              </p:cNvPr>
              <p:cNvSpPr/>
              <p:nvPr/>
            </p:nvSpPr>
            <p:spPr>
              <a:xfrm>
                <a:off x="2456465" y="5034689"/>
                <a:ext cx="17629" cy="64522"/>
              </a:xfrm>
              <a:custGeom>
                <a:avLst/>
                <a:gdLst>
                  <a:gd fmla="*/ 0 w 17629" name="connsiteX0"/>
                  <a:gd fmla="*/ 64523 h 64522" name="connsiteY0"/>
                  <a:gd fmla="*/ 17630 w 17629" name="connsiteX1"/>
                  <a:gd fmla="*/ 0 h 64522" name="connsiteY1"/>
                  <a:gd fmla="*/ 0 w 17629" name="connsiteX2"/>
                  <a:gd fmla="*/ 64523 h 64522" name="connsiteY2"/>
                  <a:gd fmla="*/ 0 w 17629" name="connsiteX3"/>
                  <a:gd fmla="*/ 64523 h 64522" name="connsiteY3"/>
                </a:gdLst>
                <a:ahLst/>
                <a:cxnLst>
                  <a:cxn ang="0">
                    <a:pos x="connsiteX0" y="connsiteY0"/>
                  </a:cxn>
                  <a:cxn ang="0">
                    <a:pos x="connsiteX1" y="connsiteY1"/>
                  </a:cxn>
                  <a:cxn ang="0">
                    <a:pos x="connsiteX2" y="connsiteY2"/>
                  </a:cxn>
                  <a:cxn ang="0">
                    <a:pos x="connsiteX3" y="connsiteY3"/>
                  </a:cxn>
                </a:cxnLst>
                <a:rect b="b" l="l" r="r" t="t"/>
                <a:pathLst>
                  <a:path h="64522" w="17629">
                    <a:moveTo>
                      <a:pt x="0" y="64523"/>
                    </a:moveTo>
                    <a:cubicBezTo>
                      <a:pt x="2498" y="42432"/>
                      <a:pt x="8386" y="20627"/>
                      <a:pt x="17630" y="0"/>
                    </a:cubicBezTo>
                    <a:cubicBezTo>
                      <a:pt x="8386" y="20627"/>
                      <a:pt x="2498" y="42432"/>
                      <a:pt x="0" y="64523"/>
                    </a:cubicBezTo>
                    <a:lnTo>
                      <a:pt x="0" y="64523"/>
                    </a:lnTo>
                    <a:close/>
                  </a:path>
                </a:pathLst>
              </a:custGeom>
              <a:noFill/>
              <a:ln cap="flat" w="3563">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9324932-6899-0CB5-4957-C6C8899F0B69}"/>
                  </a:ext>
                </a:extLst>
              </p:cNvPr>
              <p:cNvSpPr/>
              <p:nvPr/>
            </p:nvSpPr>
            <p:spPr>
              <a:xfrm>
                <a:off x="517539" y="4386965"/>
                <a:ext cx="2803425" cy="1494512"/>
              </a:xfrm>
              <a:custGeom>
                <a:avLst/>
                <a:gdLst>
                  <a:gd fmla="*/ 0 w 2803425" name="connsiteX0"/>
                  <a:gd fmla="*/ 108668 h 1494512" name="connsiteY0"/>
                  <a:gd fmla="*/ 0 w 2803425" name="connsiteX1"/>
                  <a:gd fmla="*/ 1378065 h 1494512" name="connsiteY1"/>
                  <a:gd fmla="*/ 108632 w 2803425" name="connsiteX2"/>
                  <a:gd fmla="*/ 1486697 h 1494512" name="connsiteY2"/>
                  <a:gd fmla="*/ 169622 w 2803425" name="connsiteX3"/>
                  <a:gd fmla="*/ 1486947 h 1494512" name="connsiteY3"/>
                  <a:gd fmla="*/ 1486697 w 2803425" name="connsiteX4"/>
                  <a:gd fmla="*/ 1492265 h 1494512" name="connsiteY4"/>
                  <a:gd fmla="*/ 1567351 w 2803425" name="connsiteX5"/>
                  <a:gd fmla="*/ 1492586 h 1494512" name="connsiteY5"/>
                  <a:gd fmla="*/ 2040029 w 2803425" name="connsiteX6"/>
                  <a:gd fmla="*/ 1494513 h 1494512" name="connsiteY6"/>
                  <a:gd fmla="*/ 2051699 w 2803425" name="connsiteX7"/>
                  <a:gd fmla="*/ 1493871 h 1494512" name="connsiteY7"/>
                  <a:gd fmla="*/ 2063154 w 2803425" name="connsiteX8"/>
                  <a:gd fmla="*/ 1492015 h 1494512" name="connsiteY8"/>
                  <a:gd fmla="*/ 2084995 w 2803425" name="connsiteX9"/>
                  <a:gd fmla="*/ 1484770 h 1494512" name="connsiteY9"/>
                  <a:gd fmla="*/ 2100091 w 2803425" name="connsiteX10"/>
                  <a:gd fmla="*/ 1476384 h 1494512" name="connsiteY10"/>
                  <a:gd fmla="*/ 2113759 w 2803425" name="connsiteX11"/>
                  <a:gd fmla="*/ 1465642 h 1494512" name="connsiteY11"/>
                  <a:gd fmla="*/ 2117934 w 2803425" name="connsiteX12"/>
                  <a:gd fmla="*/ 1461574 h 1494512" name="connsiteY12"/>
                  <a:gd fmla="*/ 2121896 w 2803425" name="connsiteX13"/>
                  <a:gd fmla="*/ 1457255 h 1494512" name="connsiteY13"/>
                  <a:gd fmla="*/ 2121896 w 2803425" name="connsiteX14"/>
                  <a:gd fmla="*/ 1457255 h 1494512" name="connsiteY14"/>
                  <a:gd fmla="*/ 2389658 w 2803425" name="connsiteX15"/>
                  <a:gd fmla="*/ 1199593 h 1494512" name="connsiteY15"/>
                  <a:gd fmla="*/ 2450183 w 2803425" name="connsiteX16"/>
                  <a:gd fmla="*/ 1141351 h 1494512" name="connsiteY16"/>
                  <a:gd fmla="*/ 2700815 w 2803425" name="connsiteX17"/>
                  <a:gd fmla="*/ 900177 h 1494512" name="connsiteY17"/>
                  <a:gd fmla="*/ 2776651 w 2803425" name="connsiteX18"/>
                  <a:gd fmla="*/ 827196 h 1494512" name="connsiteY18"/>
                  <a:gd fmla="*/ 2778863 w 2803425" name="connsiteX19"/>
                  <a:gd fmla="*/ 686981 h 1494512" name="connsiteY19"/>
                  <a:gd fmla="*/ 2137455 w 2803425" name="connsiteX20"/>
                  <a:gd fmla="*/ 47643 h 1494512" name="connsiteY20"/>
                  <a:gd fmla="*/ 2053376 w 2803425" name="connsiteX21"/>
                  <a:gd fmla="*/ 7780 h 1494512" name="connsiteY21"/>
                  <a:gd fmla="*/ 174832 w 2803425" name="connsiteX22"/>
                  <a:gd fmla="*/ 250 h 1494512" name="connsiteY22"/>
                  <a:gd fmla="*/ 108668 w 2803425" name="connsiteX23"/>
                  <a:gd fmla="*/ 0 h 1494512" name="connsiteY23"/>
                  <a:gd fmla="*/ 0 w 2803425" name="connsiteX24"/>
                  <a:gd fmla="*/ 108668 h 1494512" name="connsiteY24"/>
                  <a:gd fmla="*/ 1997954 w 2803425" name="connsiteX25"/>
                  <a:gd fmla="*/ 894502 h 1494512" name="connsiteY25"/>
                  <a:gd fmla="*/ 1997954 w 2803425" name="connsiteX26"/>
                  <a:gd fmla="*/ 581596 h 1494512" name="connsiteY26"/>
                  <a:gd fmla="*/ 2310860 w 2803425" name="connsiteX27"/>
                  <a:gd fmla="*/ 581596 h 1494512" name="connsiteY27"/>
                  <a:gd fmla="*/ 2310860 w 2803425" name="connsiteX28"/>
                  <a:gd fmla="*/ 894502 h 1494512" name="connsiteY28"/>
                  <a:gd fmla="*/ 1997954 w 2803425" name="connsiteX29"/>
                  <a:gd fmla="*/ 894502 h 1494512"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1494512" w="2803425">
                    <a:moveTo>
                      <a:pt x="0" y="108668"/>
                    </a:moveTo>
                    <a:lnTo>
                      <a:pt x="0" y="1378065"/>
                    </a:lnTo>
                    <a:cubicBezTo>
                      <a:pt x="0" y="1438056"/>
                      <a:pt x="48642" y="1486733"/>
                      <a:pt x="108632" y="1486697"/>
                    </a:cubicBezTo>
                    <a:lnTo>
                      <a:pt x="169622" y="1486947"/>
                    </a:lnTo>
                    <a:lnTo>
                      <a:pt x="1486697" y="1492265"/>
                    </a:lnTo>
                    <a:lnTo>
                      <a:pt x="1567351" y="1492586"/>
                    </a:lnTo>
                    <a:lnTo>
                      <a:pt x="2040029" y="1494513"/>
                    </a:lnTo>
                    <a:cubicBezTo>
                      <a:pt x="2043955" y="1494513"/>
                      <a:pt x="2047845" y="1494299"/>
                      <a:pt x="2051699" y="1493871"/>
                    </a:cubicBezTo>
                    <a:cubicBezTo>
                      <a:pt x="2055553" y="1493442"/>
                      <a:pt x="2059372" y="1492836"/>
                      <a:pt x="2063154" y="1492015"/>
                    </a:cubicBezTo>
                    <a:cubicBezTo>
                      <a:pt x="2070684" y="1490373"/>
                      <a:pt x="2078000" y="1487946"/>
                      <a:pt x="2084995" y="1484770"/>
                    </a:cubicBezTo>
                    <a:cubicBezTo>
                      <a:pt x="2090241" y="1482379"/>
                      <a:pt x="2095273" y="1479596"/>
                      <a:pt x="2100091" y="1476384"/>
                    </a:cubicBezTo>
                    <a:cubicBezTo>
                      <a:pt x="2104909" y="1473172"/>
                      <a:pt x="2109477" y="1469603"/>
                      <a:pt x="2113759" y="1465642"/>
                    </a:cubicBezTo>
                    <a:cubicBezTo>
                      <a:pt x="2115187" y="1464322"/>
                      <a:pt x="2116578" y="1462965"/>
                      <a:pt x="2117934" y="1461574"/>
                    </a:cubicBezTo>
                    <a:cubicBezTo>
                      <a:pt x="2119291" y="1460182"/>
                      <a:pt x="2120611" y="1458754"/>
                      <a:pt x="2121896" y="1457255"/>
                    </a:cubicBezTo>
                    <a:lnTo>
                      <a:pt x="2121896" y="1457255"/>
                    </a:lnTo>
                    <a:lnTo>
                      <a:pt x="2389658" y="1199593"/>
                    </a:lnTo>
                    <a:lnTo>
                      <a:pt x="2450183" y="1141351"/>
                    </a:lnTo>
                    <a:lnTo>
                      <a:pt x="2700815" y="900177"/>
                    </a:lnTo>
                    <a:lnTo>
                      <a:pt x="2776651" y="827196"/>
                    </a:lnTo>
                    <a:cubicBezTo>
                      <a:pt x="2811482" y="787262"/>
                      <a:pt x="2812445" y="727985"/>
                      <a:pt x="2778863" y="686981"/>
                    </a:cubicBezTo>
                    <a:lnTo>
                      <a:pt x="2137455" y="47643"/>
                    </a:lnTo>
                    <a:cubicBezTo>
                      <a:pt x="2116828" y="22412"/>
                      <a:pt x="2085959" y="7780"/>
                      <a:pt x="2053376" y="7780"/>
                    </a:cubicBezTo>
                    <a:lnTo>
                      <a:pt x="174832" y="250"/>
                    </a:lnTo>
                    <a:lnTo>
                      <a:pt x="108668" y="0"/>
                    </a:lnTo>
                    <a:cubicBezTo>
                      <a:pt x="48642" y="0"/>
                      <a:pt x="0" y="48642"/>
                      <a:pt x="0" y="108668"/>
                    </a:cubicBezTo>
                    <a:close/>
                    <a:moveTo>
                      <a:pt x="1997954" y="894502"/>
                    </a:moveTo>
                    <a:cubicBezTo>
                      <a:pt x="1911555" y="808103"/>
                      <a:pt x="1911555" y="667995"/>
                      <a:pt x="1997954" y="581596"/>
                    </a:cubicBezTo>
                    <a:cubicBezTo>
                      <a:pt x="2084353" y="495197"/>
                      <a:pt x="2224461" y="495197"/>
                      <a:pt x="2310860" y="581596"/>
                    </a:cubicBezTo>
                    <a:cubicBezTo>
                      <a:pt x="2397259" y="667995"/>
                      <a:pt x="2397259" y="808103"/>
                      <a:pt x="2310860" y="894502"/>
                    </a:cubicBezTo>
                    <a:cubicBezTo>
                      <a:pt x="2224461" y="980901"/>
                      <a:pt x="2084353" y="980901"/>
                      <a:pt x="1997954" y="894502"/>
                    </a:cubicBezTo>
                    <a:close/>
                  </a:path>
                </a:pathLst>
              </a:custGeom>
              <a:solidFill>
                <a:schemeClr val="accent2"/>
              </a:solidFill>
              <a:ln cap="flat" w="3563">
                <a:noFill/>
                <a:prstDash val="solid"/>
                <a:miter/>
              </a:ln>
            </p:spPr>
            <p:txBody>
              <a:bodyPr anchor="ctr" rtlCol="0"/>
              <a:lstStyle/>
              <a:p>
                <a:endParaRPr lang="es-ES"/>
              </a:p>
            </p:txBody>
          </p:sp>
        </p:grpSp>
        <p:grpSp>
          <p:nvGrpSpPr>
            <p:cNvPr id="48" name="Graphic 24">
              <a:extLst>
                <a:ext uri="{FF2B5EF4-FFF2-40B4-BE49-F238E27FC236}">
                  <a16:creationId xmlns:a16="http://schemas.microsoft.com/office/drawing/2014/main" id="{0A26AA64-3DFC-D15E-7D83-062F98963F52}"/>
                </a:ext>
              </a:extLst>
            </p:cNvPr>
            <p:cNvGrpSpPr/>
            <p:nvPr/>
          </p:nvGrpSpPr>
          <p:grpSpPr>
            <a:xfrm>
              <a:off x="5337335" y="5476922"/>
              <a:ext cx="874338" cy="874338"/>
              <a:chOff x="1076937" y="4697051"/>
              <a:chExt cx="874338" cy="874338"/>
            </a:xfrm>
          </p:grpSpPr>
          <p:sp>
            <p:nvSpPr>
              <p:cNvPr id="49" name="Freeform: Shape 48">
                <a:extLst>
                  <a:ext uri="{FF2B5EF4-FFF2-40B4-BE49-F238E27FC236}">
                    <a16:creationId xmlns:a16="http://schemas.microsoft.com/office/drawing/2014/main" id="{061AD50D-A9EA-9D19-A285-2CF11D235EB9}"/>
                  </a:ext>
                </a:extLst>
              </p:cNvPr>
              <p:cNvSpPr/>
              <p:nvPr/>
            </p:nvSpPr>
            <p:spPr>
              <a:xfrm>
                <a:off x="1076937" y="4697051"/>
                <a:ext cx="874338" cy="874338"/>
              </a:xfrm>
              <a:custGeom>
                <a:avLst/>
                <a:gdLst>
                  <a:gd fmla="*/ 874339 w 874338" name="connsiteX0"/>
                  <a:gd fmla="*/ 437169 h 874338" name="connsiteY0"/>
                  <a:gd fmla="*/ 437169 w 874338" name="connsiteX1"/>
                  <a:gd fmla="*/ 874339 h 874338" name="connsiteY1"/>
                  <a:gd fmla="*/ 0 w 874338" name="connsiteX2"/>
                  <a:gd fmla="*/ 437169 h 874338" name="connsiteY2"/>
                  <a:gd fmla="*/ 437169 w 874338" name="connsiteX3"/>
                  <a:gd fmla="*/ 0 h 874338" name="connsiteY3"/>
                  <a:gd fmla="*/ 874339 w 874338" name="connsiteX4"/>
                  <a:gd fmla="*/ 437169 h 874338"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874338" w="874338">
                    <a:moveTo>
                      <a:pt x="874339" y="437169"/>
                    </a:moveTo>
                    <a:cubicBezTo>
                      <a:pt x="874339" y="678594"/>
                      <a:pt x="678594" y="874339"/>
                      <a:pt x="437169" y="874339"/>
                    </a:cubicBezTo>
                    <a:cubicBezTo>
                      <a:pt x="195745" y="874339"/>
                      <a:pt x="0" y="678594"/>
                      <a:pt x="0" y="437169"/>
                    </a:cubicBezTo>
                    <a:cubicBezTo>
                      <a:pt x="0" y="195745"/>
                      <a:pt x="195745" y="0"/>
                      <a:pt x="437169" y="0"/>
                    </a:cubicBezTo>
                    <a:cubicBezTo>
                      <a:pt x="678594" y="0"/>
                      <a:pt x="874339" y="195745"/>
                      <a:pt x="874339" y="437169"/>
                    </a:cubicBezTo>
                    <a:close/>
                  </a:path>
                </a:pathLst>
              </a:custGeom>
              <a:solidFill>
                <a:srgbClr val="FFFFFF"/>
              </a:solidFill>
              <a:ln cap="rnd" w="84545">
                <a:solidFill>
                  <a:srgbClr val="FFFFFF"/>
                </a:solid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008A2310-86A6-0D73-8D51-9F53BC1DDAC5}"/>
                  </a:ext>
                </a:extLst>
              </p:cNvPr>
              <p:cNvSpPr/>
              <p:nvPr/>
            </p:nvSpPr>
            <p:spPr>
              <a:xfrm>
                <a:off x="1455222" y="4996432"/>
                <a:ext cx="62524" cy="396521"/>
              </a:xfrm>
              <a:custGeom>
                <a:avLst/>
                <a:gdLst>
                  <a:gd fmla="*/ 0 w 62524" name="connsiteX0"/>
                  <a:gd fmla="*/ 0 h 396521" name="connsiteY0"/>
                  <a:gd fmla="*/ 62524 w 62524" name="connsiteX1"/>
                  <a:gd fmla="*/ 0 h 396521" name="connsiteY1"/>
                  <a:gd fmla="*/ 60704 w 62524" name="connsiteX2"/>
                  <a:gd fmla="*/ 396522 h 396521" name="connsiteY2"/>
                </a:gdLst>
                <a:ahLst/>
                <a:cxnLst>
                  <a:cxn ang="0">
                    <a:pos x="connsiteX0" y="connsiteY0"/>
                  </a:cxn>
                  <a:cxn ang="0">
                    <a:pos x="connsiteX1" y="connsiteY1"/>
                  </a:cxn>
                  <a:cxn ang="0">
                    <a:pos x="connsiteX2" y="connsiteY2"/>
                  </a:cxn>
                </a:cxnLst>
                <a:rect b="b" l="l" r="r" t="t"/>
                <a:pathLst>
                  <a:path h="396521" w="62524">
                    <a:moveTo>
                      <a:pt x="0" y="0"/>
                    </a:moveTo>
                    <a:lnTo>
                      <a:pt x="62524" y="0"/>
                    </a:lnTo>
                    <a:lnTo>
                      <a:pt x="60704" y="396522"/>
                    </a:lnTo>
                  </a:path>
                </a:pathLst>
              </a:custGeom>
              <a:noFill/>
              <a:ln cap="rnd" w="84545">
                <a:solidFill>
                  <a:srgbClr val="093371"/>
                </a:solid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3462803E-1657-B1FF-7FCA-50186C504B78}"/>
                  </a:ext>
                </a:extLst>
              </p:cNvPr>
              <p:cNvSpPr/>
              <p:nvPr/>
            </p:nvSpPr>
            <p:spPr>
              <a:xfrm>
                <a:off x="1512322" y="4864782"/>
                <a:ext cx="7137" cy="7137"/>
              </a:xfrm>
              <a:custGeom>
                <a:avLst/>
                <a:gdLst>
                  <a:gd fmla="*/ 7137 w 7137" name="connsiteX0"/>
                  <a:gd fmla="*/ 3569 h 7137" name="connsiteY0"/>
                  <a:gd fmla="*/ 3569 w 7137" name="connsiteX1"/>
                  <a:gd fmla="*/ 7137 h 7137" name="connsiteY1"/>
                  <a:gd fmla="*/ 0 w 7137" name="connsiteX2"/>
                  <a:gd fmla="*/ 3569 h 7137" name="connsiteY2"/>
                  <a:gd fmla="*/ 3569 w 7137" name="connsiteX3"/>
                  <a:gd fmla="*/ 0 h 7137" name="connsiteY3"/>
                  <a:gd fmla="*/ 7137 w 7137" name="connsiteX4"/>
                  <a:gd fmla="*/ 3569 h 713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7137" w="7137">
                    <a:moveTo>
                      <a:pt x="7137" y="3569"/>
                    </a:moveTo>
                    <a:cubicBezTo>
                      <a:pt x="7137" y="5532"/>
                      <a:pt x="5531" y="7137"/>
                      <a:pt x="3569" y="7137"/>
                    </a:cubicBezTo>
                    <a:cubicBezTo>
                      <a:pt x="1606" y="7137"/>
                      <a:pt x="0" y="5532"/>
                      <a:pt x="0" y="3569"/>
                    </a:cubicBezTo>
                    <a:cubicBezTo>
                      <a:pt x="0" y="1606"/>
                      <a:pt x="1606" y="0"/>
                      <a:pt x="3569" y="0"/>
                    </a:cubicBezTo>
                    <a:cubicBezTo>
                      <a:pt x="5531" y="0"/>
                      <a:pt x="7137" y="1606"/>
                      <a:pt x="7137" y="3569"/>
                    </a:cubicBezTo>
                    <a:close/>
                  </a:path>
                </a:pathLst>
              </a:custGeom>
              <a:noFill/>
              <a:ln cap="rnd" w="84545">
                <a:solidFill>
                  <a:srgbClr val="093371"/>
                </a:solid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8099025-339F-09CC-7EE4-6AEE88A80C42}"/>
                  </a:ext>
                </a:extLst>
              </p:cNvPr>
              <p:cNvSpPr/>
              <p:nvPr/>
            </p:nvSpPr>
            <p:spPr>
              <a:xfrm>
                <a:off x="1455222" y="5400769"/>
                <a:ext cx="121408" cy="3568"/>
              </a:xfrm>
              <a:custGeom>
                <a:avLst/>
                <a:gdLst>
                  <a:gd fmla="*/ 121408 w 121408" name="connsiteX0"/>
                  <a:gd fmla="*/ 0 h 3568" name="connsiteY0"/>
                  <a:gd fmla="*/ 0 w 121408" name="connsiteX1"/>
                  <a:gd fmla="*/ 0 h 3568" name="connsiteY1"/>
                </a:gdLst>
                <a:ahLst/>
                <a:cxnLst>
                  <a:cxn ang="0">
                    <a:pos x="connsiteX0" y="connsiteY0"/>
                  </a:cxn>
                  <a:cxn ang="0">
                    <a:pos x="connsiteX1" y="connsiteY1"/>
                  </a:cxn>
                </a:cxnLst>
                <a:rect b="b" l="l" r="r" t="t"/>
                <a:pathLst>
                  <a:path h="3568" w="121408">
                    <a:moveTo>
                      <a:pt x="121408" y="0"/>
                    </a:moveTo>
                    <a:lnTo>
                      <a:pt x="0" y="0"/>
                    </a:lnTo>
                  </a:path>
                </a:pathLst>
              </a:custGeom>
              <a:ln cap="rnd" w="84545">
                <a:solidFill>
                  <a:srgbClr val="093371"/>
                </a:solidFill>
                <a:prstDash val="solid"/>
                <a:miter/>
              </a:ln>
            </p:spPr>
            <p:txBody>
              <a:bodyPr anchor="ctr" rtlCol="0"/>
              <a:lstStyle/>
              <a:p>
                <a:endParaRPr lang="es-ES"/>
              </a:p>
            </p:txBody>
          </p:sp>
        </p:grpSp>
      </p:grpSp>
      <p:grpSp>
        <p:nvGrpSpPr>
          <p:cNvPr id="23" name="Group 22">
            <a:extLst>
              <a:ext uri="{FF2B5EF4-FFF2-40B4-BE49-F238E27FC236}">
                <a16:creationId xmlns:a16="http://schemas.microsoft.com/office/drawing/2014/main" id="{42FDEA23-7E4F-A4AE-83B6-DC1A3AFD4F41}"/>
              </a:ext>
            </a:extLst>
          </p:cNvPr>
          <p:cNvGrpSpPr/>
          <p:nvPr/>
        </p:nvGrpSpPr>
        <p:grpSpPr>
          <a:xfrm>
            <a:off x="4671977" y="2891301"/>
            <a:ext cx="2803425" cy="1494512"/>
            <a:chOff x="517539" y="4386965"/>
            <a:chExt cx="2803425" cy="1494512"/>
          </a:xfrm>
        </p:grpSpPr>
        <p:grpSp>
          <p:nvGrpSpPr>
            <p:cNvPr id="6" name="Graphic 24">
              <a:extLst>
                <a:ext uri="{FF2B5EF4-FFF2-40B4-BE49-F238E27FC236}">
                  <a16:creationId xmlns:a16="http://schemas.microsoft.com/office/drawing/2014/main" id="{36B5C10A-C3B2-E9C2-A539-96E1D8BA7AB6}"/>
                </a:ext>
              </a:extLst>
            </p:cNvPr>
            <p:cNvGrpSpPr/>
            <p:nvPr/>
          </p:nvGrpSpPr>
          <p:grpSpPr>
            <a:xfrm>
              <a:off x="517539" y="4386965"/>
              <a:ext cx="2803425" cy="1494512"/>
              <a:chOff x="517539" y="4386965"/>
              <a:chExt cx="2803425" cy="1494512"/>
            </a:xfrm>
          </p:grpSpPr>
          <p:sp>
            <p:nvSpPr>
              <p:cNvPr id="7" name="Freeform: Shape 6">
                <a:extLst>
                  <a:ext uri="{FF2B5EF4-FFF2-40B4-BE49-F238E27FC236}">
                    <a16:creationId xmlns:a16="http://schemas.microsoft.com/office/drawing/2014/main" id="{DA7ED901-F1A8-07C0-2949-AF0572EBDF3D}"/>
                  </a:ext>
                </a:extLst>
              </p:cNvPr>
              <p:cNvSpPr/>
              <p:nvPr/>
            </p:nvSpPr>
            <p:spPr>
              <a:xfrm>
                <a:off x="2450693" y="4903761"/>
                <a:ext cx="442504" cy="442504"/>
              </a:xfrm>
              <a:custGeom>
                <a:avLst/>
                <a:gdLst>
                  <a:gd fmla="*/ 64799 w 442504" name="connsiteX0"/>
                  <a:gd fmla="*/ 64799 h 442504" name="connsiteY0"/>
                  <a:gd fmla="*/ 64799 w 442504" name="connsiteX1"/>
                  <a:gd fmla="*/ 377706 h 442504" name="connsiteY1"/>
                  <a:gd fmla="*/ 377706 w 442504" name="connsiteX2"/>
                  <a:gd fmla="*/ 377706 h 442504" name="connsiteY2"/>
                  <a:gd fmla="*/ 377706 w 442504" name="connsiteX3"/>
                  <a:gd fmla="*/ 64799 h 442504" name="connsiteY3"/>
                  <a:gd fmla="*/ 64799 w 442504" name="connsiteX4"/>
                  <a:gd fmla="*/ 64799 h 442504" name="connsiteY4"/>
                  <a:gd fmla="*/ 152768 w 442504" name="connsiteX5"/>
                  <a:gd fmla="*/ 289023 h 442504" name="connsiteY5"/>
                  <a:gd fmla="*/ 152768 w 442504" name="connsiteX6"/>
                  <a:gd fmla="*/ 153875 h 442504" name="connsiteY6"/>
                  <a:gd fmla="*/ 287916 w 442504" name="connsiteX7"/>
                  <a:gd fmla="*/ 153875 h 442504" name="connsiteY7"/>
                  <a:gd fmla="*/ 287916 w 442504" name="connsiteX8"/>
                  <a:gd fmla="*/ 289023 h 442504" name="connsiteY8"/>
                  <a:gd fmla="*/ 152768 w 442504" name="connsiteX9"/>
                  <a:gd fmla="*/ 289023 h 442504"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42504" w="442504">
                    <a:moveTo>
                      <a:pt x="64799" y="64799"/>
                    </a:moveTo>
                    <a:cubicBezTo>
                      <a:pt x="-21600" y="151198"/>
                      <a:pt x="-21600" y="291307"/>
                      <a:pt x="64799" y="377706"/>
                    </a:cubicBezTo>
                    <a:cubicBezTo>
                      <a:pt x="151198" y="464104"/>
                      <a:pt x="291307" y="464104"/>
                      <a:pt x="377706" y="377706"/>
                    </a:cubicBezTo>
                    <a:cubicBezTo>
                      <a:pt x="464104" y="291307"/>
                      <a:pt x="464104" y="151198"/>
                      <a:pt x="377706" y="64799"/>
                    </a:cubicBezTo>
                    <a:cubicBezTo>
                      <a:pt x="291307" y="-21600"/>
                      <a:pt x="151198" y="-21600"/>
                      <a:pt x="64799" y="64799"/>
                    </a:cubicBezTo>
                    <a:close/>
                    <a:moveTo>
                      <a:pt x="152768" y="289023"/>
                    </a:moveTo>
                    <a:cubicBezTo>
                      <a:pt x="115439" y="251694"/>
                      <a:pt x="115439" y="191204"/>
                      <a:pt x="152768" y="153875"/>
                    </a:cubicBezTo>
                    <a:cubicBezTo>
                      <a:pt x="190097" y="116546"/>
                      <a:pt x="250587" y="116546"/>
                      <a:pt x="287916" y="153875"/>
                    </a:cubicBezTo>
                    <a:cubicBezTo>
                      <a:pt x="325245" y="191204"/>
                      <a:pt x="325245" y="251694"/>
                      <a:pt x="287916" y="289023"/>
                    </a:cubicBezTo>
                    <a:cubicBezTo>
                      <a:pt x="250587" y="326351"/>
                      <a:pt x="190097" y="326351"/>
                      <a:pt x="152768" y="289023"/>
                    </a:cubicBezTo>
                    <a:close/>
                  </a:path>
                </a:pathLst>
              </a:custGeom>
              <a:solidFill>
                <a:schemeClr val="accent2"/>
              </a:solidFill>
              <a:ln cap="flat" w="3563">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550B6A7D-3EC7-66AF-076B-FBBD8052E61B}"/>
                  </a:ext>
                </a:extLst>
              </p:cNvPr>
              <p:cNvSpPr/>
              <p:nvPr/>
            </p:nvSpPr>
            <p:spPr>
              <a:xfrm>
                <a:off x="2456465" y="5034689"/>
                <a:ext cx="17629" cy="64522"/>
              </a:xfrm>
              <a:custGeom>
                <a:avLst/>
                <a:gdLst>
                  <a:gd fmla="*/ 0 w 17629" name="connsiteX0"/>
                  <a:gd fmla="*/ 64523 h 64522" name="connsiteY0"/>
                  <a:gd fmla="*/ 17630 w 17629" name="connsiteX1"/>
                  <a:gd fmla="*/ 0 h 64522" name="connsiteY1"/>
                  <a:gd fmla="*/ 0 w 17629" name="connsiteX2"/>
                  <a:gd fmla="*/ 64523 h 64522" name="connsiteY2"/>
                  <a:gd fmla="*/ 0 w 17629" name="connsiteX3"/>
                  <a:gd fmla="*/ 64523 h 64522" name="connsiteY3"/>
                </a:gdLst>
                <a:ahLst/>
                <a:cxnLst>
                  <a:cxn ang="0">
                    <a:pos x="connsiteX0" y="connsiteY0"/>
                  </a:cxn>
                  <a:cxn ang="0">
                    <a:pos x="connsiteX1" y="connsiteY1"/>
                  </a:cxn>
                  <a:cxn ang="0">
                    <a:pos x="connsiteX2" y="connsiteY2"/>
                  </a:cxn>
                  <a:cxn ang="0">
                    <a:pos x="connsiteX3" y="connsiteY3"/>
                  </a:cxn>
                </a:cxnLst>
                <a:rect b="b" l="l" r="r" t="t"/>
                <a:pathLst>
                  <a:path h="64522" w="17629">
                    <a:moveTo>
                      <a:pt x="0" y="64523"/>
                    </a:moveTo>
                    <a:cubicBezTo>
                      <a:pt x="2498" y="42432"/>
                      <a:pt x="8386" y="20627"/>
                      <a:pt x="17630" y="0"/>
                    </a:cubicBezTo>
                    <a:cubicBezTo>
                      <a:pt x="8386" y="20627"/>
                      <a:pt x="2498" y="42432"/>
                      <a:pt x="0" y="64523"/>
                    </a:cubicBezTo>
                    <a:lnTo>
                      <a:pt x="0" y="64523"/>
                    </a:lnTo>
                    <a:close/>
                  </a:path>
                </a:pathLst>
              </a:custGeom>
              <a:noFill/>
              <a:ln cap="flat" w="3563">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BB1A80A7-F510-A593-0821-BD389F7338FB}"/>
                  </a:ext>
                </a:extLst>
              </p:cNvPr>
              <p:cNvSpPr/>
              <p:nvPr/>
            </p:nvSpPr>
            <p:spPr>
              <a:xfrm>
                <a:off x="517539" y="4386965"/>
                <a:ext cx="2803425" cy="1494512"/>
              </a:xfrm>
              <a:custGeom>
                <a:avLst/>
                <a:gdLst>
                  <a:gd fmla="*/ 0 w 2803425" name="connsiteX0"/>
                  <a:gd fmla="*/ 108668 h 1494512" name="connsiteY0"/>
                  <a:gd fmla="*/ 0 w 2803425" name="connsiteX1"/>
                  <a:gd fmla="*/ 1378065 h 1494512" name="connsiteY1"/>
                  <a:gd fmla="*/ 108632 w 2803425" name="connsiteX2"/>
                  <a:gd fmla="*/ 1486697 h 1494512" name="connsiteY2"/>
                  <a:gd fmla="*/ 169622 w 2803425" name="connsiteX3"/>
                  <a:gd fmla="*/ 1486947 h 1494512" name="connsiteY3"/>
                  <a:gd fmla="*/ 1486697 w 2803425" name="connsiteX4"/>
                  <a:gd fmla="*/ 1492265 h 1494512" name="connsiteY4"/>
                  <a:gd fmla="*/ 1567351 w 2803425" name="connsiteX5"/>
                  <a:gd fmla="*/ 1492586 h 1494512" name="connsiteY5"/>
                  <a:gd fmla="*/ 2040029 w 2803425" name="connsiteX6"/>
                  <a:gd fmla="*/ 1494513 h 1494512" name="connsiteY6"/>
                  <a:gd fmla="*/ 2051699 w 2803425" name="connsiteX7"/>
                  <a:gd fmla="*/ 1493871 h 1494512" name="connsiteY7"/>
                  <a:gd fmla="*/ 2063154 w 2803425" name="connsiteX8"/>
                  <a:gd fmla="*/ 1492015 h 1494512" name="connsiteY8"/>
                  <a:gd fmla="*/ 2084995 w 2803425" name="connsiteX9"/>
                  <a:gd fmla="*/ 1484770 h 1494512" name="connsiteY9"/>
                  <a:gd fmla="*/ 2100091 w 2803425" name="connsiteX10"/>
                  <a:gd fmla="*/ 1476384 h 1494512" name="connsiteY10"/>
                  <a:gd fmla="*/ 2113759 w 2803425" name="connsiteX11"/>
                  <a:gd fmla="*/ 1465642 h 1494512" name="connsiteY11"/>
                  <a:gd fmla="*/ 2117934 w 2803425" name="connsiteX12"/>
                  <a:gd fmla="*/ 1461574 h 1494512" name="connsiteY12"/>
                  <a:gd fmla="*/ 2121896 w 2803425" name="connsiteX13"/>
                  <a:gd fmla="*/ 1457255 h 1494512" name="connsiteY13"/>
                  <a:gd fmla="*/ 2121896 w 2803425" name="connsiteX14"/>
                  <a:gd fmla="*/ 1457255 h 1494512" name="connsiteY14"/>
                  <a:gd fmla="*/ 2389658 w 2803425" name="connsiteX15"/>
                  <a:gd fmla="*/ 1199593 h 1494512" name="connsiteY15"/>
                  <a:gd fmla="*/ 2450183 w 2803425" name="connsiteX16"/>
                  <a:gd fmla="*/ 1141351 h 1494512" name="connsiteY16"/>
                  <a:gd fmla="*/ 2700815 w 2803425" name="connsiteX17"/>
                  <a:gd fmla="*/ 900177 h 1494512" name="connsiteY17"/>
                  <a:gd fmla="*/ 2776651 w 2803425" name="connsiteX18"/>
                  <a:gd fmla="*/ 827196 h 1494512" name="connsiteY18"/>
                  <a:gd fmla="*/ 2778863 w 2803425" name="connsiteX19"/>
                  <a:gd fmla="*/ 686981 h 1494512" name="connsiteY19"/>
                  <a:gd fmla="*/ 2137455 w 2803425" name="connsiteX20"/>
                  <a:gd fmla="*/ 47643 h 1494512" name="connsiteY20"/>
                  <a:gd fmla="*/ 2053376 w 2803425" name="connsiteX21"/>
                  <a:gd fmla="*/ 7780 h 1494512" name="connsiteY21"/>
                  <a:gd fmla="*/ 174832 w 2803425" name="connsiteX22"/>
                  <a:gd fmla="*/ 250 h 1494512" name="connsiteY22"/>
                  <a:gd fmla="*/ 108668 w 2803425" name="connsiteX23"/>
                  <a:gd fmla="*/ 0 h 1494512" name="connsiteY23"/>
                  <a:gd fmla="*/ 0 w 2803425" name="connsiteX24"/>
                  <a:gd fmla="*/ 108668 h 1494512" name="connsiteY24"/>
                  <a:gd fmla="*/ 1997954 w 2803425" name="connsiteX25"/>
                  <a:gd fmla="*/ 894502 h 1494512" name="connsiteY25"/>
                  <a:gd fmla="*/ 1997954 w 2803425" name="connsiteX26"/>
                  <a:gd fmla="*/ 581596 h 1494512" name="connsiteY26"/>
                  <a:gd fmla="*/ 2310860 w 2803425" name="connsiteX27"/>
                  <a:gd fmla="*/ 581596 h 1494512" name="connsiteY27"/>
                  <a:gd fmla="*/ 2310860 w 2803425" name="connsiteX28"/>
                  <a:gd fmla="*/ 894502 h 1494512" name="connsiteY28"/>
                  <a:gd fmla="*/ 1997954 w 2803425" name="connsiteX29"/>
                  <a:gd fmla="*/ 894502 h 1494512"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1494512" w="2803425">
                    <a:moveTo>
                      <a:pt x="0" y="108668"/>
                    </a:moveTo>
                    <a:lnTo>
                      <a:pt x="0" y="1378065"/>
                    </a:lnTo>
                    <a:cubicBezTo>
                      <a:pt x="0" y="1438056"/>
                      <a:pt x="48642" y="1486733"/>
                      <a:pt x="108632" y="1486697"/>
                    </a:cubicBezTo>
                    <a:lnTo>
                      <a:pt x="169622" y="1486947"/>
                    </a:lnTo>
                    <a:lnTo>
                      <a:pt x="1486697" y="1492265"/>
                    </a:lnTo>
                    <a:lnTo>
                      <a:pt x="1567351" y="1492586"/>
                    </a:lnTo>
                    <a:lnTo>
                      <a:pt x="2040029" y="1494513"/>
                    </a:lnTo>
                    <a:cubicBezTo>
                      <a:pt x="2043955" y="1494513"/>
                      <a:pt x="2047845" y="1494299"/>
                      <a:pt x="2051699" y="1493871"/>
                    </a:cubicBezTo>
                    <a:cubicBezTo>
                      <a:pt x="2055553" y="1493442"/>
                      <a:pt x="2059372" y="1492836"/>
                      <a:pt x="2063154" y="1492015"/>
                    </a:cubicBezTo>
                    <a:cubicBezTo>
                      <a:pt x="2070684" y="1490373"/>
                      <a:pt x="2078000" y="1487946"/>
                      <a:pt x="2084995" y="1484770"/>
                    </a:cubicBezTo>
                    <a:cubicBezTo>
                      <a:pt x="2090241" y="1482379"/>
                      <a:pt x="2095273" y="1479596"/>
                      <a:pt x="2100091" y="1476384"/>
                    </a:cubicBezTo>
                    <a:cubicBezTo>
                      <a:pt x="2104909" y="1473172"/>
                      <a:pt x="2109477" y="1469603"/>
                      <a:pt x="2113759" y="1465642"/>
                    </a:cubicBezTo>
                    <a:cubicBezTo>
                      <a:pt x="2115187" y="1464322"/>
                      <a:pt x="2116578" y="1462965"/>
                      <a:pt x="2117934" y="1461574"/>
                    </a:cubicBezTo>
                    <a:cubicBezTo>
                      <a:pt x="2119291" y="1460182"/>
                      <a:pt x="2120611" y="1458754"/>
                      <a:pt x="2121896" y="1457255"/>
                    </a:cubicBezTo>
                    <a:lnTo>
                      <a:pt x="2121896" y="1457255"/>
                    </a:lnTo>
                    <a:lnTo>
                      <a:pt x="2389658" y="1199593"/>
                    </a:lnTo>
                    <a:lnTo>
                      <a:pt x="2450183" y="1141351"/>
                    </a:lnTo>
                    <a:lnTo>
                      <a:pt x="2700815" y="900177"/>
                    </a:lnTo>
                    <a:lnTo>
                      <a:pt x="2776651" y="827196"/>
                    </a:lnTo>
                    <a:cubicBezTo>
                      <a:pt x="2811482" y="787262"/>
                      <a:pt x="2812445" y="727985"/>
                      <a:pt x="2778863" y="686981"/>
                    </a:cubicBezTo>
                    <a:lnTo>
                      <a:pt x="2137455" y="47643"/>
                    </a:lnTo>
                    <a:cubicBezTo>
                      <a:pt x="2116828" y="22412"/>
                      <a:pt x="2085959" y="7780"/>
                      <a:pt x="2053376" y="7780"/>
                    </a:cubicBezTo>
                    <a:lnTo>
                      <a:pt x="174832" y="250"/>
                    </a:lnTo>
                    <a:lnTo>
                      <a:pt x="108668" y="0"/>
                    </a:lnTo>
                    <a:cubicBezTo>
                      <a:pt x="48642" y="0"/>
                      <a:pt x="0" y="48642"/>
                      <a:pt x="0" y="108668"/>
                    </a:cubicBezTo>
                    <a:close/>
                    <a:moveTo>
                      <a:pt x="1997954" y="894502"/>
                    </a:moveTo>
                    <a:cubicBezTo>
                      <a:pt x="1911555" y="808103"/>
                      <a:pt x="1911555" y="667995"/>
                      <a:pt x="1997954" y="581596"/>
                    </a:cubicBezTo>
                    <a:cubicBezTo>
                      <a:pt x="2084353" y="495197"/>
                      <a:pt x="2224461" y="495197"/>
                      <a:pt x="2310860" y="581596"/>
                    </a:cubicBezTo>
                    <a:cubicBezTo>
                      <a:pt x="2397259" y="667995"/>
                      <a:pt x="2397259" y="808103"/>
                      <a:pt x="2310860" y="894502"/>
                    </a:cubicBezTo>
                    <a:cubicBezTo>
                      <a:pt x="2224461" y="980901"/>
                      <a:pt x="2084353" y="980901"/>
                      <a:pt x="1997954" y="894502"/>
                    </a:cubicBezTo>
                    <a:close/>
                  </a:path>
                </a:pathLst>
              </a:custGeom>
              <a:solidFill>
                <a:schemeClr val="accent1"/>
              </a:solidFill>
              <a:ln cap="flat" w="3563">
                <a:noFill/>
                <a:prstDash val="solid"/>
                <a:miter/>
              </a:ln>
            </p:spPr>
            <p:txBody>
              <a:bodyPr anchor="ctr" rtlCol="0"/>
              <a:lstStyle/>
              <a:p>
                <a:endParaRPr lang="es-ES"/>
              </a:p>
            </p:txBody>
          </p:sp>
        </p:grpSp>
        <p:grpSp>
          <p:nvGrpSpPr>
            <p:cNvPr id="11" name="Graphic 24">
              <a:extLst>
                <a:ext uri="{FF2B5EF4-FFF2-40B4-BE49-F238E27FC236}">
                  <a16:creationId xmlns:a16="http://schemas.microsoft.com/office/drawing/2014/main" id="{6AEB259D-3634-12E8-D810-B7E8AD5E1C4F}"/>
                </a:ext>
              </a:extLst>
            </p:cNvPr>
            <p:cNvGrpSpPr/>
            <p:nvPr/>
          </p:nvGrpSpPr>
          <p:grpSpPr>
            <a:xfrm>
              <a:off x="1076937" y="4697051"/>
              <a:ext cx="874338" cy="874338"/>
              <a:chOff x="1076937" y="4697051"/>
              <a:chExt cx="874338" cy="874338"/>
            </a:xfrm>
          </p:grpSpPr>
          <p:sp>
            <p:nvSpPr>
              <p:cNvPr id="12" name="Freeform: Shape 11">
                <a:extLst>
                  <a:ext uri="{FF2B5EF4-FFF2-40B4-BE49-F238E27FC236}">
                    <a16:creationId xmlns:a16="http://schemas.microsoft.com/office/drawing/2014/main" id="{D64B439F-64B6-33D7-0D46-1F6C81A6E161}"/>
                  </a:ext>
                </a:extLst>
              </p:cNvPr>
              <p:cNvSpPr/>
              <p:nvPr/>
            </p:nvSpPr>
            <p:spPr>
              <a:xfrm>
                <a:off x="1076937" y="4697051"/>
                <a:ext cx="874338" cy="874338"/>
              </a:xfrm>
              <a:custGeom>
                <a:avLst/>
                <a:gdLst>
                  <a:gd fmla="*/ 874339 w 874338" name="connsiteX0"/>
                  <a:gd fmla="*/ 437169 h 874338" name="connsiteY0"/>
                  <a:gd fmla="*/ 437169 w 874338" name="connsiteX1"/>
                  <a:gd fmla="*/ 874339 h 874338" name="connsiteY1"/>
                  <a:gd fmla="*/ 0 w 874338" name="connsiteX2"/>
                  <a:gd fmla="*/ 437169 h 874338" name="connsiteY2"/>
                  <a:gd fmla="*/ 437169 w 874338" name="connsiteX3"/>
                  <a:gd fmla="*/ 0 h 874338" name="connsiteY3"/>
                  <a:gd fmla="*/ 874339 w 874338" name="connsiteX4"/>
                  <a:gd fmla="*/ 437169 h 874338"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874338" w="874338">
                    <a:moveTo>
                      <a:pt x="874339" y="437169"/>
                    </a:moveTo>
                    <a:cubicBezTo>
                      <a:pt x="874339" y="678594"/>
                      <a:pt x="678594" y="874339"/>
                      <a:pt x="437169" y="874339"/>
                    </a:cubicBezTo>
                    <a:cubicBezTo>
                      <a:pt x="195745" y="874339"/>
                      <a:pt x="0" y="678594"/>
                      <a:pt x="0" y="437169"/>
                    </a:cubicBezTo>
                    <a:cubicBezTo>
                      <a:pt x="0" y="195745"/>
                      <a:pt x="195745" y="0"/>
                      <a:pt x="437169" y="0"/>
                    </a:cubicBezTo>
                    <a:cubicBezTo>
                      <a:pt x="678594" y="0"/>
                      <a:pt x="874339" y="195745"/>
                      <a:pt x="874339" y="437169"/>
                    </a:cubicBezTo>
                    <a:close/>
                  </a:path>
                </a:pathLst>
              </a:custGeom>
              <a:solidFill>
                <a:srgbClr val="FFFFFF"/>
              </a:solidFill>
              <a:ln cap="rnd" w="84545">
                <a:solidFill>
                  <a:srgbClr val="FFFFFF"/>
                </a:solid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FC82DDF3-600B-E948-6200-B448BF09CB9C}"/>
                  </a:ext>
                </a:extLst>
              </p:cNvPr>
              <p:cNvSpPr/>
              <p:nvPr/>
            </p:nvSpPr>
            <p:spPr>
              <a:xfrm>
                <a:off x="1455222" y="4996432"/>
                <a:ext cx="62524" cy="396521"/>
              </a:xfrm>
              <a:custGeom>
                <a:avLst/>
                <a:gdLst>
                  <a:gd fmla="*/ 0 w 62524" name="connsiteX0"/>
                  <a:gd fmla="*/ 0 h 396521" name="connsiteY0"/>
                  <a:gd fmla="*/ 62524 w 62524" name="connsiteX1"/>
                  <a:gd fmla="*/ 0 h 396521" name="connsiteY1"/>
                  <a:gd fmla="*/ 60704 w 62524" name="connsiteX2"/>
                  <a:gd fmla="*/ 396522 h 396521" name="connsiteY2"/>
                </a:gdLst>
                <a:ahLst/>
                <a:cxnLst>
                  <a:cxn ang="0">
                    <a:pos x="connsiteX0" y="connsiteY0"/>
                  </a:cxn>
                  <a:cxn ang="0">
                    <a:pos x="connsiteX1" y="connsiteY1"/>
                  </a:cxn>
                  <a:cxn ang="0">
                    <a:pos x="connsiteX2" y="connsiteY2"/>
                  </a:cxn>
                </a:cxnLst>
                <a:rect b="b" l="l" r="r" t="t"/>
                <a:pathLst>
                  <a:path h="396521" w="62524">
                    <a:moveTo>
                      <a:pt x="0" y="0"/>
                    </a:moveTo>
                    <a:lnTo>
                      <a:pt x="62524" y="0"/>
                    </a:lnTo>
                    <a:lnTo>
                      <a:pt x="60704" y="396522"/>
                    </a:lnTo>
                  </a:path>
                </a:pathLst>
              </a:custGeom>
              <a:noFill/>
              <a:ln cap="rnd" w="84545">
                <a:solidFill>
                  <a:srgbClr val="093371"/>
                </a:solid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7CE50BBA-3A9F-DFD6-81F3-53DFA56D49C9}"/>
                  </a:ext>
                </a:extLst>
              </p:cNvPr>
              <p:cNvSpPr/>
              <p:nvPr/>
            </p:nvSpPr>
            <p:spPr>
              <a:xfrm>
                <a:off x="1512322" y="4864782"/>
                <a:ext cx="7137" cy="7137"/>
              </a:xfrm>
              <a:custGeom>
                <a:avLst/>
                <a:gdLst>
                  <a:gd fmla="*/ 7137 w 7137" name="connsiteX0"/>
                  <a:gd fmla="*/ 3569 h 7137" name="connsiteY0"/>
                  <a:gd fmla="*/ 3569 w 7137" name="connsiteX1"/>
                  <a:gd fmla="*/ 7137 h 7137" name="connsiteY1"/>
                  <a:gd fmla="*/ 0 w 7137" name="connsiteX2"/>
                  <a:gd fmla="*/ 3569 h 7137" name="connsiteY2"/>
                  <a:gd fmla="*/ 3569 w 7137" name="connsiteX3"/>
                  <a:gd fmla="*/ 0 h 7137" name="connsiteY3"/>
                  <a:gd fmla="*/ 7137 w 7137" name="connsiteX4"/>
                  <a:gd fmla="*/ 3569 h 713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7137" w="7137">
                    <a:moveTo>
                      <a:pt x="7137" y="3569"/>
                    </a:moveTo>
                    <a:cubicBezTo>
                      <a:pt x="7137" y="5532"/>
                      <a:pt x="5531" y="7137"/>
                      <a:pt x="3569" y="7137"/>
                    </a:cubicBezTo>
                    <a:cubicBezTo>
                      <a:pt x="1606" y="7137"/>
                      <a:pt x="0" y="5532"/>
                      <a:pt x="0" y="3569"/>
                    </a:cubicBezTo>
                    <a:cubicBezTo>
                      <a:pt x="0" y="1606"/>
                      <a:pt x="1606" y="0"/>
                      <a:pt x="3569" y="0"/>
                    </a:cubicBezTo>
                    <a:cubicBezTo>
                      <a:pt x="5531" y="0"/>
                      <a:pt x="7137" y="1606"/>
                      <a:pt x="7137" y="3569"/>
                    </a:cubicBezTo>
                    <a:close/>
                  </a:path>
                </a:pathLst>
              </a:custGeom>
              <a:noFill/>
              <a:ln cap="rnd" w="84545">
                <a:solidFill>
                  <a:srgbClr val="093371"/>
                </a:solid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8D903C2-F493-ECD0-92A9-E54A569C1D57}"/>
                  </a:ext>
                </a:extLst>
              </p:cNvPr>
              <p:cNvSpPr/>
              <p:nvPr/>
            </p:nvSpPr>
            <p:spPr>
              <a:xfrm>
                <a:off x="1455222" y="5400769"/>
                <a:ext cx="121408" cy="3568"/>
              </a:xfrm>
              <a:custGeom>
                <a:avLst/>
                <a:gdLst>
                  <a:gd fmla="*/ 121408 w 121408" name="connsiteX0"/>
                  <a:gd fmla="*/ 0 h 3568" name="connsiteY0"/>
                  <a:gd fmla="*/ 0 w 121408" name="connsiteX1"/>
                  <a:gd fmla="*/ 0 h 3568" name="connsiteY1"/>
                </a:gdLst>
                <a:ahLst/>
                <a:cxnLst>
                  <a:cxn ang="0">
                    <a:pos x="connsiteX0" y="connsiteY0"/>
                  </a:cxn>
                  <a:cxn ang="0">
                    <a:pos x="connsiteX1" y="connsiteY1"/>
                  </a:cxn>
                </a:cxnLst>
                <a:rect b="b" l="l" r="r" t="t"/>
                <a:pathLst>
                  <a:path h="3568" w="121408">
                    <a:moveTo>
                      <a:pt x="121408" y="0"/>
                    </a:moveTo>
                    <a:lnTo>
                      <a:pt x="0" y="0"/>
                    </a:lnTo>
                  </a:path>
                </a:pathLst>
              </a:custGeom>
              <a:ln cap="rnd" w="84545">
                <a:solidFill>
                  <a:srgbClr val="093371"/>
                </a:solidFill>
                <a:prstDash val="solid"/>
                <a:miter/>
              </a:ln>
            </p:spPr>
            <p:txBody>
              <a:bodyPr anchor="ctr" rtlCol="0"/>
              <a:lstStyle/>
              <a:p>
                <a:endParaRPr lang="es-ES"/>
              </a:p>
            </p:txBody>
          </p:sp>
        </p:grpSp>
      </p:grpSp>
      <p:pic>
        <p:nvPicPr>
          <p:cNvPr descr="Arrow: Straight with solid fill" id="29" name="Graphic 28">
            <a:extLst>
              <a:ext uri="{FF2B5EF4-FFF2-40B4-BE49-F238E27FC236}">
                <a16:creationId xmlns:a16="http://schemas.microsoft.com/office/drawing/2014/main" id="{2C96D345-5D33-CDFB-CD6B-E6E0AD6EA827}"/>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flipH="1">
            <a:off x="2777023" y="3221983"/>
            <a:ext cx="914400" cy="914400"/>
          </a:xfrm>
          <a:prstGeom prst="rect">
            <a:avLst/>
          </a:prstGeom>
        </p:spPr>
      </p:pic>
      <p:pic>
        <p:nvPicPr>
          <p:cNvPr descr="Arrow: Clockwise curve with solid fill" id="33" name="Graphic 32">
            <a:extLst>
              <a:ext uri="{FF2B5EF4-FFF2-40B4-BE49-F238E27FC236}">
                <a16:creationId xmlns:a16="http://schemas.microsoft.com/office/drawing/2014/main" id="{435A161B-DB9A-0803-CF97-7F9B47173CDD}"/>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7529731" y="5397288"/>
            <a:ext cx="914400" cy="914400"/>
          </a:xfrm>
          <a:prstGeom prst="rect">
            <a:avLst/>
          </a:prstGeom>
        </p:spPr>
      </p:pic>
      <p:pic>
        <p:nvPicPr>
          <p:cNvPr descr="Arrow: Clockwise curve with solid fill" id="53" name="Graphic 52">
            <a:extLst>
              <a:ext uri="{FF2B5EF4-FFF2-40B4-BE49-F238E27FC236}">
                <a16:creationId xmlns:a16="http://schemas.microsoft.com/office/drawing/2014/main" id="{9A0CDF97-4FB6-22A3-9F4F-B63C83C54AC9}"/>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flipH="1">
            <a:off x="3860312" y="5397288"/>
            <a:ext cx="914400" cy="914400"/>
          </a:xfrm>
          <a:prstGeom prst="rect">
            <a:avLst/>
          </a:prstGeom>
        </p:spPr>
      </p:pic>
      <p:pic>
        <p:nvPicPr>
          <p:cNvPr descr="Arrow: Clockwise curve with solid fill" id="54" name="Graphic 53">
            <a:extLst>
              <a:ext uri="{FF2B5EF4-FFF2-40B4-BE49-F238E27FC236}">
                <a16:creationId xmlns:a16="http://schemas.microsoft.com/office/drawing/2014/main" id="{CDAC8A50-3E5E-0C8E-20BE-4DB8E290CCC2}"/>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flipH="1" flipV="1" rot="2951156">
            <a:off x="8281160" y="1876787"/>
            <a:ext cx="914400" cy="914400"/>
          </a:xfrm>
          <a:prstGeom prst="rect">
            <a:avLst/>
          </a:prstGeom>
        </p:spPr>
      </p:pic>
      <p:pic>
        <p:nvPicPr>
          <p:cNvPr descr="Arrow: Clockwise curve with solid fill" id="55" name="Graphic 54">
            <a:extLst>
              <a:ext uri="{FF2B5EF4-FFF2-40B4-BE49-F238E27FC236}">
                <a16:creationId xmlns:a16="http://schemas.microsoft.com/office/drawing/2014/main" id="{5C3AC7D8-6B42-A1BF-68D3-8EFA07E73A21}"/>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flipV="1" rot="18006257">
            <a:off x="2986953" y="1876787"/>
            <a:ext cx="914400" cy="914400"/>
          </a:xfrm>
          <a:prstGeom prst="rect">
            <a:avLst/>
          </a:prstGeom>
        </p:spPr>
      </p:pic>
      <p:pic>
        <p:nvPicPr>
          <p:cNvPr descr="Arrow: Straight with solid fill" id="56" name="Graphic 55">
            <a:extLst>
              <a:ext uri="{FF2B5EF4-FFF2-40B4-BE49-F238E27FC236}">
                <a16:creationId xmlns:a16="http://schemas.microsoft.com/office/drawing/2014/main" id="{76CB4CFB-9D41-6728-6B19-4ED1920CD2EF}"/>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8483475" y="3221983"/>
            <a:ext cx="914400" cy="914400"/>
          </a:xfrm>
          <a:prstGeom prst="rect">
            <a:avLst/>
          </a:prstGeom>
        </p:spPr>
      </p:pic>
    </p:spTree>
    <p:custDataLst>
      <p:tags r:id="rId1"/>
    </p:custDataLst>
    <p:extLst>
      <p:ext uri="{BB962C8B-B14F-4D97-AF65-F5344CB8AC3E}">
        <p14:creationId xmlns:p14="http://schemas.microsoft.com/office/powerpoint/2010/main" val="39802052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5528" p14:dur="2000" spd="slow">
        <p159:morph option="byObject"/>
      </p:transition>
    </mc:Choice>
    <mc:Fallback xmlns="">
      <p:transition advTm="1552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53" presetSubtype="16">
                                  <p:stCondLst>
                                    <p:cond delay="0"/>
                                  </p:stCondLst>
                                  <p:childTnLst>
                                    <p:set>
                                      <p:cBhvr>
                                        <p:cTn dur="1" fill="hold" id="6">
                                          <p:stCondLst>
                                            <p:cond delay="0"/>
                                          </p:stCondLst>
                                        </p:cTn>
                                        <p:tgtEl>
                                          <p:spTgt spid="36"/>
                                        </p:tgtEl>
                                        <p:attrNameLst>
                                          <p:attrName>style.visibility</p:attrName>
                                        </p:attrNameLst>
                                      </p:cBhvr>
                                      <p:to>
                                        <p:strVal val="visible"/>
                                      </p:to>
                                    </p:set>
                                    <p:anim calcmode="lin" valueType="num">
                                      <p:cBhvr>
                                        <p:cTn dur="500" fill="hold" id="7"/>
                                        <p:tgtEl>
                                          <p:spTgt spid="36"/>
                                        </p:tgtEl>
                                        <p:attrNameLst>
                                          <p:attrName>ppt_w</p:attrName>
                                        </p:attrNameLst>
                                      </p:cBhvr>
                                      <p:tavLst>
                                        <p:tav tm="0">
                                          <p:val>
                                            <p:fltVal val="0"/>
                                          </p:val>
                                        </p:tav>
                                        <p:tav tm="100000">
                                          <p:val>
                                            <p:strVal val="#ppt_w"/>
                                          </p:val>
                                        </p:tav>
                                      </p:tavLst>
                                    </p:anim>
                                    <p:anim calcmode="lin" valueType="num">
                                      <p:cBhvr>
                                        <p:cTn dur="500" fill="hold" id="8"/>
                                        <p:tgtEl>
                                          <p:spTgt spid="36"/>
                                        </p:tgtEl>
                                        <p:attrNameLst>
                                          <p:attrName>ppt_h</p:attrName>
                                        </p:attrNameLst>
                                      </p:cBhvr>
                                      <p:tavLst>
                                        <p:tav tm="0">
                                          <p:val>
                                            <p:fltVal val="0"/>
                                          </p:val>
                                        </p:tav>
                                        <p:tav tm="100000">
                                          <p:val>
                                            <p:strVal val="#ppt_h"/>
                                          </p:val>
                                        </p:tav>
                                      </p:tavLst>
                                    </p:anim>
                                    <p:animEffect filter="fade" transition="in">
                                      <p:cBhvr>
                                        <p:cTn dur="500" id="9"/>
                                        <p:tgtEl>
                                          <p:spTgt spid="36"/>
                                        </p:tgtEl>
                                      </p:cBhvr>
                                    </p:animEffect>
                                  </p:childTnLst>
                                </p:cTn>
                              </p:par>
                              <p:par>
                                <p:cTn fill="hold" id="10" nodeType="withEffect" presetClass="entr" presetID="53" presetSubtype="16">
                                  <p:stCondLst>
                                    <p:cond delay="0"/>
                                  </p:stCondLst>
                                  <p:childTnLst>
                                    <p:set>
                                      <p:cBhvr>
                                        <p:cTn dur="1" fill="hold" id="11">
                                          <p:stCondLst>
                                            <p:cond delay="0"/>
                                          </p:stCondLst>
                                        </p:cTn>
                                        <p:tgtEl>
                                          <p:spTgt spid="41"/>
                                        </p:tgtEl>
                                        <p:attrNameLst>
                                          <p:attrName>style.visibility</p:attrName>
                                        </p:attrNameLst>
                                      </p:cBhvr>
                                      <p:to>
                                        <p:strVal val="visible"/>
                                      </p:to>
                                    </p:set>
                                    <p:anim calcmode="lin" valueType="num">
                                      <p:cBhvr>
                                        <p:cTn dur="500" fill="hold" id="12"/>
                                        <p:tgtEl>
                                          <p:spTgt spid="41"/>
                                        </p:tgtEl>
                                        <p:attrNameLst>
                                          <p:attrName>ppt_w</p:attrName>
                                        </p:attrNameLst>
                                      </p:cBhvr>
                                      <p:tavLst>
                                        <p:tav tm="0">
                                          <p:val>
                                            <p:fltVal val="0"/>
                                          </p:val>
                                        </p:tav>
                                        <p:tav tm="100000">
                                          <p:val>
                                            <p:strVal val="#ppt_w"/>
                                          </p:val>
                                        </p:tav>
                                      </p:tavLst>
                                    </p:anim>
                                    <p:anim calcmode="lin" valueType="num">
                                      <p:cBhvr>
                                        <p:cTn dur="500" fill="hold" id="13"/>
                                        <p:tgtEl>
                                          <p:spTgt spid="41"/>
                                        </p:tgtEl>
                                        <p:attrNameLst>
                                          <p:attrName>ppt_h</p:attrName>
                                        </p:attrNameLst>
                                      </p:cBhvr>
                                      <p:tavLst>
                                        <p:tav tm="0">
                                          <p:val>
                                            <p:fltVal val="0"/>
                                          </p:val>
                                        </p:tav>
                                        <p:tav tm="100000">
                                          <p:val>
                                            <p:strVal val="#ppt_h"/>
                                          </p:val>
                                        </p:tav>
                                      </p:tavLst>
                                    </p:anim>
                                    <p:animEffect filter="fade" transition="in">
                                      <p:cBhvr>
                                        <p:cTn dur="500" id="14"/>
                                        <p:tgtEl>
                                          <p:spTgt spid="41"/>
                                        </p:tgtEl>
                                      </p:cBhvr>
                                    </p:animEffect>
                                  </p:childTnLst>
                                </p:cTn>
                              </p:par>
                              <p:par>
                                <p:cTn fill="hold" id="15" nodeType="withEffect" presetClass="entr" presetID="53" presetSubtype="16">
                                  <p:stCondLst>
                                    <p:cond delay="0"/>
                                  </p:stCondLst>
                                  <p:childTnLst>
                                    <p:set>
                                      <p:cBhvr>
                                        <p:cTn dur="1" fill="hold" id="16">
                                          <p:stCondLst>
                                            <p:cond delay="0"/>
                                          </p:stCondLst>
                                        </p:cTn>
                                        <p:tgtEl>
                                          <p:spTgt spid="15"/>
                                        </p:tgtEl>
                                        <p:attrNameLst>
                                          <p:attrName>style.visibility</p:attrName>
                                        </p:attrNameLst>
                                      </p:cBhvr>
                                      <p:to>
                                        <p:strVal val="visible"/>
                                      </p:to>
                                    </p:set>
                                    <p:anim calcmode="lin" valueType="num">
                                      <p:cBhvr>
                                        <p:cTn dur="500" fill="hold" id="17"/>
                                        <p:tgtEl>
                                          <p:spTgt spid="15"/>
                                        </p:tgtEl>
                                        <p:attrNameLst>
                                          <p:attrName>ppt_w</p:attrName>
                                        </p:attrNameLst>
                                      </p:cBhvr>
                                      <p:tavLst>
                                        <p:tav tm="0">
                                          <p:val>
                                            <p:fltVal val="0"/>
                                          </p:val>
                                        </p:tav>
                                        <p:tav tm="100000">
                                          <p:val>
                                            <p:strVal val="#ppt_w"/>
                                          </p:val>
                                        </p:tav>
                                      </p:tavLst>
                                    </p:anim>
                                    <p:anim calcmode="lin" valueType="num">
                                      <p:cBhvr>
                                        <p:cTn dur="500" fill="hold" id="18"/>
                                        <p:tgtEl>
                                          <p:spTgt spid="15"/>
                                        </p:tgtEl>
                                        <p:attrNameLst>
                                          <p:attrName>ppt_h</p:attrName>
                                        </p:attrNameLst>
                                      </p:cBhvr>
                                      <p:tavLst>
                                        <p:tav tm="0">
                                          <p:val>
                                            <p:fltVal val="0"/>
                                          </p:val>
                                        </p:tav>
                                        <p:tav tm="100000">
                                          <p:val>
                                            <p:strVal val="#ppt_h"/>
                                          </p:val>
                                        </p:tav>
                                      </p:tavLst>
                                    </p:anim>
                                    <p:animEffect filter="fade" transition="in">
                                      <p:cBhvr>
                                        <p:cTn dur="500" id="19"/>
                                        <p:tgtEl>
                                          <p:spTgt spid="15"/>
                                        </p:tgtEl>
                                      </p:cBhvr>
                                    </p:animEffect>
                                  </p:childTnLst>
                                </p:cTn>
                              </p:par>
                              <p:par>
                                <p:cTn fill="hold" id="20" nodeType="withEffect" presetClass="entr" presetID="53" presetSubtype="16">
                                  <p:stCondLst>
                                    <p:cond delay="0"/>
                                  </p:stCondLst>
                                  <p:childTnLst>
                                    <p:set>
                                      <p:cBhvr>
                                        <p:cTn dur="1" fill="hold" id="21">
                                          <p:stCondLst>
                                            <p:cond delay="0"/>
                                          </p:stCondLst>
                                        </p:cTn>
                                        <p:tgtEl>
                                          <p:spTgt spid="34"/>
                                        </p:tgtEl>
                                        <p:attrNameLst>
                                          <p:attrName>style.visibility</p:attrName>
                                        </p:attrNameLst>
                                      </p:cBhvr>
                                      <p:to>
                                        <p:strVal val="visible"/>
                                      </p:to>
                                    </p:set>
                                    <p:anim calcmode="lin" valueType="num">
                                      <p:cBhvr>
                                        <p:cTn dur="500" fill="hold" id="22"/>
                                        <p:tgtEl>
                                          <p:spTgt spid="34"/>
                                        </p:tgtEl>
                                        <p:attrNameLst>
                                          <p:attrName>ppt_w</p:attrName>
                                        </p:attrNameLst>
                                      </p:cBhvr>
                                      <p:tavLst>
                                        <p:tav tm="0">
                                          <p:val>
                                            <p:fltVal val="0"/>
                                          </p:val>
                                        </p:tav>
                                        <p:tav tm="100000">
                                          <p:val>
                                            <p:strVal val="#ppt_w"/>
                                          </p:val>
                                        </p:tav>
                                      </p:tavLst>
                                    </p:anim>
                                    <p:anim calcmode="lin" valueType="num">
                                      <p:cBhvr>
                                        <p:cTn dur="500" fill="hold" id="23"/>
                                        <p:tgtEl>
                                          <p:spTgt spid="34"/>
                                        </p:tgtEl>
                                        <p:attrNameLst>
                                          <p:attrName>ppt_h</p:attrName>
                                        </p:attrNameLst>
                                      </p:cBhvr>
                                      <p:tavLst>
                                        <p:tav tm="0">
                                          <p:val>
                                            <p:fltVal val="0"/>
                                          </p:val>
                                        </p:tav>
                                        <p:tav tm="100000">
                                          <p:val>
                                            <p:strVal val="#ppt_h"/>
                                          </p:val>
                                        </p:tav>
                                      </p:tavLst>
                                    </p:anim>
                                    <p:animEffect filter="fade" transition="in">
                                      <p:cBhvr>
                                        <p:cTn dur="500" id="24"/>
                                        <p:tgtEl>
                                          <p:spTgt spid="34"/>
                                        </p:tgtEl>
                                      </p:cBhvr>
                                    </p:animEffect>
                                  </p:childTnLst>
                                </p:cTn>
                              </p:par>
                              <p:par>
                                <p:cTn fill="hold" id="25" nodeType="withEffect" presetClass="entr" presetID="53" presetSubtype="16">
                                  <p:stCondLst>
                                    <p:cond delay="0"/>
                                  </p:stCondLst>
                                  <p:childTnLst>
                                    <p:set>
                                      <p:cBhvr>
                                        <p:cTn dur="1" fill="hold" id="26">
                                          <p:stCondLst>
                                            <p:cond delay="0"/>
                                          </p:stCondLst>
                                        </p:cTn>
                                        <p:tgtEl>
                                          <p:spTgt spid="42"/>
                                        </p:tgtEl>
                                        <p:attrNameLst>
                                          <p:attrName>style.visibility</p:attrName>
                                        </p:attrNameLst>
                                      </p:cBhvr>
                                      <p:to>
                                        <p:strVal val="visible"/>
                                      </p:to>
                                    </p:set>
                                    <p:anim calcmode="lin" valueType="num">
                                      <p:cBhvr>
                                        <p:cTn dur="500" fill="hold" id="27"/>
                                        <p:tgtEl>
                                          <p:spTgt spid="42"/>
                                        </p:tgtEl>
                                        <p:attrNameLst>
                                          <p:attrName>ppt_w</p:attrName>
                                        </p:attrNameLst>
                                      </p:cBhvr>
                                      <p:tavLst>
                                        <p:tav tm="0">
                                          <p:val>
                                            <p:fltVal val="0"/>
                                          </p:val>
                                        </p:tav>
                                        <p:tav tm="100000">
                                          <p:val>
                                            <p:strVal val="#ppt_w"/>
                                          </p:val>
                                        </p:tav>
                                      </p:tavLst>
                                    </p:anim>
                                    <p:anim calcmode="lin" valueType="num">
                                      <p:cBhvr>
                                        <p:cTn dur="500" fill="hold" id="28"/>
                                        <p:tgtEl>
                                          <p:spTgt spid="42"/>
                                        </p:tgtEl>
                                        <p:attrNameLst>
                                          <p:attrName>ppt_h</p:attrName>
                                        </p:attrNameLst>
                                      </p:cBhvr>
                                      <p:tavLst>
                                        <p:tav tm="0">
                                          <p:val>
                                            <p:fltVal val="0"/>
                                          </p:val>
                                        </p:tav>
                                        <p:tav tm="100000">
                                          <p:val>
                                            <p:strVal val="#ppt_h"/>
                                          </p:val>
                                        </p:tav>
                                      </p:tavLst>
                                    </p:anim>
                                    <p:animEffect filter="fade" transition="in">
                                      <p:cBhvr>
                                        <p:cTn dur="500" id="29"/>
                                        <p:tgtEl>
                                          <p:spTgt spid="42"/>
                                        </p:tgtEl>
                                      </p:cBhvr>
                                    </p:animEffect>
                                  </p:childTnLst>
                                </p:cTn>
                              </p:par>
                              <p:par>
                                <p:cTn fill="hold" id="30" nodeType="withEffect" presetClass="entr" presetID="53" presetSubtype="16">
                                  <p:stCondLst>
                                    <p:cond delay="0"/>
                                  </p:stCondLst>
                                  <p:childTnLst>
                                    <p:set>
                                      <p:cBhvr>
                                        <p:cTn dur="1" fill="hold" id="31">
                                          <p:stCondLst>
                                            <p:cond delay="0"/>
                                          </p:stCondLst>
                                        </p:cTn>
                                        <p:tgtEl>
                                          <p:spTgt spid="35"/>
                                        </p:tgtEl>
                                        <p:attrNameLst>
                                          <p:attrName>style.visibility</p:attrName>
                                        </p:attrNameLst>
                                      </p:cBhvr>
                                      <p:to>
                                        <p:strVal val="visible"/>
                                      </p:to>
                                    </p:set>
                                    <p:anim calcmode="lin" valueType="num">
                                      <p:cBhvr>
                                        <p:cTn dur="500" fill="hold" id="32"/>
                                        <p:tgtEl>
                                          <p:spTgt spid="35"/>
                                        </p:tgtEl>
                                        <p:attrNameLst>
                                          <p:attrName>ppt_w</p:attrName>
                                        </p:attrNameLst>
                                      </p:cBhvr>
                                      <p:tavLst>
                                        <p:tav tm="0">
                                          <p:val>
                                            <p:fltVal val="0"/>
                                          </p:val>
                                        </p:tav>
                                        <p:tav tm="100000">
                                          <p:val>
                                            <p:strVal val="#ppt_w"/>
                                          </p:val>
                                        </p:tav>
                                      </p:tavLst>
                                    </p:anim>
                                    <p:anim calcmode="lin" valueType="num">
                                      <p:cBhvr>
                                        <p:cTn dur="500" fill="hold" id="33"/>
                                        <p:tgtEl>
                                          <p:spTgt spid="35"/>
                                        </p:tgtEl>
                                        <p:attrNameLst>
                                          <p:attrName>ppt_h</p:attrName>
                                        </p:attrNameLst>
                                      </p:cBhvr>
                                      <p:tavLst>
                                        <p:tav tm="0">
                                          <p:val>
                                            <p:fltVal val="0"/>
                                          </p:val>
                                        </p:tav>
                                        <p:tav tm="100000">
                                          <p:val>
                                            <p:strVal val="#ppt_h"/>
                                          </p:val>
                                        </p:tav>
                                      </p:tavLst>
                                    </p:anim>
                                    <p:animEffect filter="fade" transition="in">
                                      <p:cBhvr>
                                        <p:cTn dur="500" id="34"/>
                                        <p:tgtEl>
                                          <p:spTgt spid="35"/>
                                        </p:tgtEl>
                                      </p:cBhvr>
                                    </p:animEffect>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22" presetSubtype="8">
                                  <p:stCondLst>
                                    <p:cond delay="0"/>
                                  </p:stCondLst>
                                  <p:childTnLst>
                                    <p:set>
                                      <p:cBhvr>
                                        <p:cTn dur="1" fill="hold" id="38">
                                          <p:stCondLst>
                                            <p:cond delay="0"/>
                                          </p:stCondLst>
                                        </p:cTn>
                                        <p:tgtEl>
                                          <p:spTgt spid="29"/>
                                        </p:tgtEl>
                                        <p:attrNameLst>
                                          <p:attrName>style.visibility</p:attrName>
                                        </p:attrNameLst>
                                      </p:cBhvr>
                                      <p:to>
                                        <p:strVal val="visible"/>
                                      </p:to>
                                    </p:set>
                                    <p:animEffect filter="wipe(left)" transition="in">
                                      <p:cBhvr>
                                        <p:cTn dur="500" id="39"/>
                                        <p:tgtEl>
                                          <p:spTgt spid="29"/>
                                        </p:tgtEl>
                                      </p:cBhvr>
                                    </p:animEffect>
                                  </p:childTnLst>
                                </p:cTn>
                              </p:par>
                            </p:childTnLst>
                          </p:cTn>
                        </p:par>
                        <p:par>
                          <p:cTn fill="hold" id="40">
                            <p:stCondLst>
                              <p:cond delay="500"/>
                            </p:stCondLst>
                            <p:childTnLst>
                              <p:par>
                                <p:cTn fill="hold" id="41" nodeType="afterEffect" presetClass="entr" presetID="22" presetSubtype="1">
                                  <p:stCondLst>
                                    <p:cond delay="0"/>
                                  </p:stCondLst>
                                  <p:childTnLst>
                                    <p:set>
                                      <p:cBhvr>
                                        <p:cTn dur="1" fill="hold" id="42">
                                          <p:stCondLst>
                                            <p:cond delay="0"/>
                                          </p:stCondLst>
                                        </p:cTn>
                                        <p:tgtEl>
                                          <p:spTgt spid="55"/>
                                        </p:tgtEl>
                                        <p:attrNameLst>
                                          <p:attrName>style.visibility</p:attrName>
                                        </p:attrNameLst>
                                      </p:cBhvr>
                                      <p:to>
                                        <p:strVal val="visible"/>
                                      </p:to>
                                    </p:set>
                                    <p:animEffect filter="wipe(up)" transition="in">
                                      <p:cBhvr>
                                        <p:cTn dur="500" id="43"/>
                                        <p:tgtEl>
                                          <p:spTgt spid="55"/>
                                        </p:tgtEl>
                                      </p:cBhvr>
                                    </p:animEffect>
                                  </p:childTnLst>
                                </p:cTn>
                              </p:par>
                            </p:childTnLst>
                          </p:cTn>
                        </p:par>
                        <p:par>
                          <p:cTn fill="hold" id="44">
                            <p:stCondLst>
                              <p:cond delay="1000"/>
                            </p:stCondLst>
                            <p:childTnLst>
                              <p:par>
                                <p:cTn fill="hold" id="45" nodeType="afterEffect" presetClass="entr" presetID="22" presetSubtype="4">
                                  <p:stCondLst>
                                    <p:cond delay="0"/>
                                  </p:stCondLst>
                                  <p:childTnLst>
                                    <p:set>
                                      <p:cBhvr>
                                        <p:cTn dur="1" fill="hold" id="46">
                                          <p:stCondLst>
                                            <p:cond delay="0"/>
                                          </p:stCondLst>
                                        </p:cTn>
                                        <p:tgtEl>
                                          <p:spTgt spid="53"/>
                                        </p:tgtEl>
                                        <p:attrNameLst>
                                          <p:attrName>style.visibility</p:attrName>
                                        </p:attrNameLst>
                                      </p:cBhvr>
                                      <p:to>
                                        <p:strVal val="visible"/>
                                      </p:to>
                                    </p:set>
                                    <p:animEffect filter="wipe(down)" transition="in">
                                      <p:cBhvr>
                                        <p:cTn dur="500" id="47"/>
                                        <p:tgtEl>
                                          <p:spTgt spid="53"/>
                                        </p:tgtEl>
                                      </p:cBhvr>
                                    </p:animEffect>
                                  </p:childTnLst>
                                </p:cTn>
                              </p:par>
                            </p:childTnLst>
                          </p:cTn>
                        </p:par>
                        <p:par>
                          <p:cTn fill="hold" id="48">
                            <p:stCondLst>
                              <p:cond delay="1500"/>
                            </p:stCondLst>
                            <p:childTnLst>
                              <p:par>
                                <p:cTn fill="hold" id="49" nodeType="afterEffect" presetClass="entr" presetID="10" presetSubtype="0">
                                  <p:stCondLst>
                                    <p:cond delay="0"/>
                                  </p:stCondLst>
                                  <p:childTnLst>
                                    <p:set>
                                      <p:cBhvr>
                                        <p:cTn dur="1" fill="hold" id="50">
                                          <p:stCondLst>
                                            <p:cond delay="0"/>
                                          </p:stCondLst>
                                        </p:cTn>
                                        <p:tgtEl>
                                          <p:spTgt spid="26"/>
                                        </p:tgtEl>
                                        <p:attrNameLst>
                                          <p:attrName>style.visibility</p:attrName>
                                        </p:attrNameLst>
                                      </p:cBhvr>
                                      <p:to>
                                        <p:strVal val="visible"/>
                                      </p:to>
                                    </p:set>
                                    <p:animEffect filter="fade" transition="in">
                                      <p:cBhvr>
                                        <p:cTn dur="500" id="51"/>
                                        <p:tgtEl>
                                          <p:spTgt spid="26"/>
                                        </p:tgtEl>
                                      </p:cBhvr>
                                    </p:animEffect>
                                  </p:childTnLst>
                                </p:cTn>
                              </p:par>
                            </p:childTnLst>
                          </p:cTn>
                        </p:par>
                        <p:par>
                          <p:cTn fill="hold" id="52">
                            <p:stCondLst>
                              <p:cond delay="2000"/>
                            </p:stCondLst>
                            <p:childTnLst>
                              <p:par>
                                <p:cTn fill="hold" id="53" nodeType="afterEffect" presetClass="entr" presetID="22" presetSubtype="1">
                                  <p:stCondLst>
                                    <p:cond delay="0"/>
                                  </p:stCondLst>
                                  <p:childTnLst>
                                    <p:set>
                                      <p:cBhvr>
                                        <p:cTn dur="1" fill="hold" id="54">
                                          <p:stCondLst>
                                            <p:cond delay="0"/>
                                          </p:stCondLst>
                                        </p:cTn>
                                        <p:tgtEl>
                                          <p:spTgt spid="54"/>
                                        </p:tgtEl>
                                        <p:attrNameLst>
                                          <p:attrName>style.visibility</p:attrName>
                                        </p:attrNameLst>
                                      </p:cBhvr>
                                      <p:to>
                                        <p:strVal val="visible"/>
                                      </p:to>
                                    </p:set>
                                    <p:animEffect filter="wipe(up)" transition="in">
                                      <p:cBhvr>
                                        <p:cTn dur="500" id="55"/>
                                        <p:tgtEl>
                                          <p:spTgt spid="54"/>
                                        </p:tgtEl>
                                      </p:cBhvr>
                                    </p:animEffect>
                                  </p:childTnLst>
                                </p:cTn>
                              </p:par>
                            </p:childTnLst>
                          </p:cTn>
                        </p:par>
                        <p:par>
                          <p:cTn fill="hold" id="56">
                            <p:stCondLst>
                              <p:cond delay="2500"/>
                            </p:stCondLst>
                            <p:childTnLst>
                              <p:par>
                                <p:cTn fill="hold" id="57" nodeType="afterEffect" presetClass="entr" presetID="22" presetSubtype="2">
                                  <p:stCondLst>
                                    <p:cond delay="0"/>
                                  </p:stCondLst>
                                  <p:childTnLst>
                                    <p:set>
                                      <p:cBhvr>
                                        <p:cTn dur="1" fill="hold" id="58">
                                          <p:stCondLst>
                                            <p:cond delay="0"/>
                                          </p:stCondLst>
                                        </p:cTn>
                                        <p:tgtEl>
                                          <p:spTgt spid="56"/>
                                        </p:tgtEl>
                                        <p:attrNameLst>
                                          <p:attrName>style.visibility</p:attrName>
                                        </p:attrNameLst>
                                      </p:cBhvr>
                                      <p:to>
                                        <p:strVal val="visible"/>
                                      </p:to>
                                    </p:set>
                                    <p:animEffect filter="wipe(right)" transition="in">
                                      <p:cBhvr>
                                        <p:cTn dur="500" id="59"/>
                                        <p:tgtEl>
                                          <p:spTgt spid="56"/>
                                        </p:tgtEl>
                                      </p:cBhvr>
                                    </p:animEffect>
                                  </p:childTnLst>
                                </p:cTn>
                              </p:par>
                            </p:childTnLst>
                          </p:cTn>
                        </p:par>
                        <p:par>
                          <p:cTn fill="hold" id="60">
                            <p:stCondLst>
                              <p:cond delay="3000"/>
                            </p:stCondLst>
                            <p:childTnLst>
                              <p:par>
                                <p:cTn fill="hold" id="61" nodeType="afterEffect" presetClass="entr" presetID="22" presetSubtype="4">
                                  <p:stCondLst>
                                    <p:cond delay="0"/>
                                  </p:stCondLst>
                                  <p:childTnLst>
                                    <p:set>
                                      <p:cBhvr>
                                        <p:cTn dur="1" fill="hold" id="62">
                                          <p:stCondLst>
                                            <p:cond delay="0"/>
                                          </p:stCondLst>
                                        </p:cTn>
                                        <p:tgtEl>
                                          <p:spTgt spid="33"/>
                                        </p:tgtEl>
                                        <p:attrNameLst>
                                          <p:attrName>style.visibility</p:attrName>
                                        </p:attrNameLst>
                                      </p:cBhvr>
                                      <p:to>
                                        <p:strVal val="visible"/>
                                      </p:to>
                                    </p:set>
                                    <p:animEffect filter="wipe(down)" transition="in">
                                      <p:cBhvr>
                                        <p:cTn dur="500" id="63"/>
                                        <p:tgtEl>
                                          <p:spTgt spid="33"/>
                                        </p:tgtEl>
                                      </p:cBhvr>
                                    </p:animEffect>
                                  </p:childTnLst>
                                </p:cTn>
                              </p:par>
                            </p:childTnLst>
                          </p:cTn>
                        </p:par>
                        <p:par>
                          <p:cTn fill="hold" id="64">
                            <p:stCondLst>
                              <p:cond delay="3500"/>
                            </p:stCondLst>
                            <p:childTnLst>
                              <p:par>
                                <p:cTn fill="hold" id="65" nodeType="afterEffect" presetClass="entr" presetID="10" presetSubtype="0">
                                  <p:stCondLst>
                                    <p:cond delay="0"/>
                                  </p:stCondLst>
                                  <p:childTnLst>
                                    <p:set>
                                      <p:cBhvr>
                                        <p:cTn dur="1" fill="hold" id="66">
                                          <p:stCondLst>
                                            <p:cond delay="0"/>
                                          </p:stCondLst>
                                        </p:cTn>
                                        <p:tgtEl>
                                          <p:spTgt spid="23"/>
                                        </p:tgtEl>
                                        <p:attrNameLst>
                                          <p:attrName>style.visibility</p:attrName>
                                        </p:attrNameLst>
                                      </p:cBhvr>
                                      <p:to>
                                        <p:strVal val="visible"/>
                                      </p:to>
                                    </p:set>
                                    <p:animEffect filter="fade" transition="in">
                                      <p:cBhvr>
                                        <p:cTn dur="500" id="67"/>
                                        <p:tgtEl>
                                          <p:spTgt spid="2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3" name="Group 12">
            <a:extLst>
              <a:ext uri="{FF2B5EF4-FFF2-40B4-BE49-F238E27FC236}">
                <a16:creationId xmlns:a16="http://schemas.microsoft.com/office/drawing/2014/main" id="{7BADA27C-9004-BAA0-6DBA-C3617120A9F6}"/>
              </a:ext>
            </a:extLst>
          </p:cNvPr>
          <p:cNvGrpSpPr>
            <a:grpSpLocks/>
          </p:cNvGrpSpPr>
          <p:nvPr/>
        </p:nvGrpSpPr>
        <p:grpSpPr>
          <a:xfrm>
            <a:off x="3309480" y="2036476"/>
            <a:ext cx="5573040" cy="3348806"/>
            <a:chOff x="2603386" y="1817914"/>
            <a:chExt cx="6985227" cy="4197380"/>
          </a:xfrm>
        </p:grpSpPr>
        <p:sp>
          <p:nvSpPr>
            <p:cNvPr id="14" name="Freeform: Shape 13">
              <a:extLst>
                <a:ext uri="{FF2B5EF4-FFF2-40B4-BE49-F238E27FC236}">
                  <a16:creationId xmlns:a16="http://schemas.microsoft.com/office/drawing/2014/main" id="{3B2930F1-AE60-D4B3-DAC7-637734EF80FF}"/>
                </a:ext>
              </a:extLst>
            </p:cNvPr>
            <p:cNvSpPr>
              <a:spLocks/>
            </p:cNvSpPr>
            <p:nvPr/>
          </p:nvSpPr>
          <p:spPr>
            <a:xfrm>
              <a:off x="3274483" y="1817914"/>
              <a:ext cx="5612348" cy="3840720"/>
            </a:xfrm>
            <a:custGeom>
              <a:avLst/>
              <a:gdLst>
                <a:gd fmla="*/ 102097 w 5612348" name="connsiteX0"/>
                <a:gd fmla="*/ 0 h 3840720" name="connsiteY0"/>
                <a:gd fmla="*/ 5510252 w 5612348" name="connsiteX1"/>
                <a:gd fmla="*/ 0 h 3840720" name="connsiteY1"/>
                <a:gd fmla="*/ 5612348 w 5612348" name="connsiteX2"/>
                <a:gd fmla="*/ 102097 h 3840720" name="connsiteY2"/>
                <a:gd fmla="*/ 5612348 w 5612348" name="connsiteX3"/>
                <a:gd fmla="*/ 3738624 h 3840720" name="connsiteY3"/>
                <a:gd fmla="*/ 5510252 w 5612348" name="connsiteX4"/>
                <a:gd fmla="*/ 3840721 h 3840720" name="connsiteY4"/>
                <a:gd fmla="*/ 102097 w 5612348" name="connsiteX5"/>
                <a:gd fmla="*/ 3840721 h 3840720" name="connsiteY5"/>
                <a:gd fmla="*/ 0 w 5612348" name="connsiteX6"/>
                <a:gd fmla="*/ 3738624 h 3840720" name="connsiteY6"/>
                <a:gd fmla="*/ 0 w 5612348" name="connsiteX7"/>
                <a:gd fmla="*/ 102097 h 3840720" name="connsiteY7"/>
                <a:gd fmla="*/ 102097 w 5612348" name="connsiteX8"/>
                <a:gd fmla="*/ 0 h 3840720"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840720" w="5612348">
                  <a:moveTo>
                    <a:pt x="102097" y="0"/>
                  </a:moveTo>
                  <a:lnTo>
                    <a:pt x="5510252" y="0"/>
                  </a:lnTo>
                  <a:cubicBezTo>
                    <a:pt x="5566391" y="0"/>
                    <a:pt x="5612348" y="45957"/>
                    <a:pt x="5612348" y="102097"/>
                  </a:cubicBezTo>
                  <a:lnTo>
                    <a:pt x="5612348" y="3738624"/>
                  </a:lnTo>
                  <a:cubicBezTo>
                    <a:pt x="5612348" y="3794764"/>
                    <a:pt x="5566391" y="3840721"/>
                    <a:pt x="5510252" y="3840721"/>
                  </a:cubicBezTo>
                  <a:lnTo>
                    <a:pt x="102097" y="3840721"/>
                  </a:lnTo>
                  <a:cubicBezTo>
                    <a:pt x="45957" y="3840721"/>
                    <a:pt x="0" y="3794764"/>
                    <a:pt x="0" y="3738624"/>
                  </a:cubicBezTo>
                  <a:lnTo>
                    <a:pt x="0" y="102097"/>
                  </a:lnTo>
                  <a:cubicBezTo>
                    <a:pt x="0" y="45957"/>
                    <a:pt x="45957" y="0"/>
                    <a:pt x="102097" y="0"/>
                  </a:cubicBezTo>
                  <a:close/>
                </a:path>
              </a:pathLst>
            </a:custGeom>
            <a:solidFill>
              <a:srgbClr val="093371"/>
            </a:solidFill>
            <a:ln cap="flat" w="6785">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1BBA21CA-5769-D3BB-7376-33FDF6A1B7BA}"/>
                </a:ext>
              </a:extLst>
            </p:cNvPr>
            <p:cNvSpPr>
              <a:spLocks/>
            </p:cNvSpPr>
            <p:nvPr/>
          </p:nvSpPr>
          <p:spPr>
            <a:xfrm>
              <a:off x="3487706" y="2033308"/>
              <a:ext cx="5220048" cy="3437559"/>
            </a:xfrm>
            <a:custGeom>
              <a:avLst/>
              <a:gdLst>
                <a:gd fmla="*/ 58108 w 5220048" name="connsiteX0"/>
                <a:gd fmla="*/ 0 h 3437559" name="connsiteY0"/>
                <a:gd fmla="*/ 5161940 w 5220048" name="connsiteX1"/>
                <a:gd fmla="*/ 0 h 3437559" name="connsiteY1"/>
                <a:gd fmla="*/ 5220049 w 5220048" name="connsiteX2"/>
                <a:gd fmla="*/ 58584 h 3437559" name="connsiteY2"/>
                <a:gd fmla="*/ 5220049 w 5220048" name="connsiteX3"/>
                <a:gd fmla="*/ 3378976 h 3437559" name="connsiteY3"/>
                <a:gd fmla="*/ 5161940 w 5220048" name="connsiteX4"/>
                <a:gd fmla="*/ 3437560 h 3437559" name="connsiteY4"/>
                <a:gd fmla="*/ 58108 w 5220048" name="connsiteX5"/>
                <a:gd fmla="*/ 3437560 h 3437559" name="connsiteY5"/>
                <a:gd fmla="*/ 0 w 5220048" name="connsiteX6"/>
                <a:gd fmla="*/ 3378976 h 3437559" name="connsiteY6"/>
                <a:gd fmla="*/ 0 w 5220048" name="connsiteX7"/>
                <a:gd fmla="*/ 58584 h 3437559" name="connsiteY7"/>
                <a:gd fmla="*/ 58108 w 5220048" name="connsiteX8"/>
                <a:gd fmla="*/ 0 h 343755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437559" w="5220048">
                  <a:moveTo>
                    <a:pt x="58108" y="0"/>
                  </a:moveTo>
                  <a:lnTo>
                    <a:pt x="5161940" y="0"/>
                  </a:lnTo>
                  <a:cubicBezTo>
                    <a:pt x="5194049" y="0"/>
                    <a:pt x="5220049" y="26203"/>
                    <a:pt x="5220049" y="58584"/>
                  </a:cubicBezTo>
                  <a:lnTo>
                    <a:pt x="5220049" y="3378976"/>
                  </a:lnTo>
                  <a:cubicBezTo>
                    <a:pt x="5220049" y="3411357"/>
                    <a:pt x="5194049" y="3437560"/>
                    <a:pt x="5161940" y="3437560"/>
                  </a:cubicBezTo>
                  <a:lnTo>
                    <a:pt x="58108" y="3437560"/>
                  </a:lnTo>
                  <a:cubicBezTo>
                    <a:pt x="25999" y="3437560"/>
                    <a:pt x="0" y="3411357"/>
                    <a:pt x="0" y="3378976"/>
                  </a:cubicBezTo>
                  <a:lnTo>
                    <a:pt x="0" y="58584"/>
                  </a:lnTo>
                  <a:cubicBezTo>
                    <a:pt x="0" y="26203"/>
                    <a:pt x="25999" y="0"/>
                    <a:pt x="58108" y="0"/>
                  </a:cubicBezTo>
                  <a:close/>
                </a:path>
              </a:pathLst>
            </a:custGeom>
            <a:solidFill>
              <a:srgbClr val="FFFFFF"/>
            </a:solidFill>
            <a:ln cap="flat" w="6785">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3FF66C47-8370-3150-1564-7D31F39F0CC4}"/>
                </a:ext>
              </a:extLst>
            </p:cNvPr>
            <p:cNvSpPr>
              <a:spLocks/>
            </p:cNvSpPr>
            <p:nvPr/>
          </p:nvSpPr>
          <p:spPr>
            <a:xfrm rot="21573000">
              <a:off x="6037812" y="1881489"/>
              <a:ext cx="87434" cy="87434"/>
            </a:xfrm>
            <a:custGeom>
              <a:avLst/>
              <a:gdLst>
                <a:gd fmla="*/ 87434 w 87434" name="connsiteX0"/>
                <a:gd fmla="*/ 43717 h 87434" name="connsiteY0"/>
                <a:gd fmla="*/ 43717 w 87434" name="connsiteX1"/>
                <a:gd fmla="*/ 87434 h 87434" name="connsiteY1"/>
                <a:gd fmla="*/ 0 w 87434" name="connsiteX2"/>
                <a:gd fmla="*/ 43717 h 87434" name="connsiteY2"/>
                <a:gd fmla="*/ 43717 w 87434" name="connsiteX3"/>
                <a:gd fmla="*/ 0 h 87434" name="connsiteY3"/>
                <a:gd fmla="*/ 87434 w 87434" name="connsiteX4"/>
                <a:gd fmla="*/ 43717 h 874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87434" w="87434">
                  <a:moveTo>
                    <a:pt x="87434" y="43717"/>
                  </a:moveTo>
                  <a:cubicBezTo>
                    <a:pt x="87434" y="67861"/>
                    <a:pt x="67861" y="87434"/>
                    <a:pt x="43717" y="87434"/>
                  </a:cubicBezTo>
                  <a:cubicBezTo>
                    <a:pt x="19573" y="87434"/>
                    <a:pt x="0" y="67861"/>
                    <a:pt x="0" y="43717"/>
                  </a:cubicBezTo>
                  <a:cubicBezTo>
                    <a:pt x="0" y="19573"/>
                    <a:pt x="19573" y="0"/>
                    <a:pt x="43717" y="0"/>
                  </a:cubicBezTo>
                  <a:cubicBezTo>
                    <a:pt x="67861" y="0"/>
                    <a:pt x="87434" y="19573"/>
                    <a:pt x="87434" y="43717"/>
                  </a:cubicBezTo>
                  <a:close/>
                </a:path>
              </a:pathLst>
            </a:custGeom>
            <a:solidFill>
              <a:srgbClr val="FF8F02"/>
            </a:solidFill>
            <a:ln cap="flat" w="6785">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72F6B548-8B63-37D8-0274-D5DE33F3A93B}"/>
                </a:ext>
              </a:extLst>
            </p:cNvPr>
            <p:cNvSpPr>
              <a:spLocks/>
            </p:cNvSpPr>
            <p:nvPr/>
          </p:nvSpPr>
          <p:spPr>
            <a:xfrm>
              <a:off x="2603386" y="5775258"/>
              <a:ext cx="6985227" cy="240036"/>
            </a:xfrm>
            <a:custGeom>
              <a:avLst/>
              <a:gdLst>
                <a:gd fmla="*/ 6982241 w 6985227" name="connsiteX0"/>
                <a:gd fmla="*/ 0 h 240036" name="connsiteY0"/>
                <a:gd fmla="*/ 3990337 w 6985227" name="connsiteX1"/>
                <a:gd fmla="*/ 0 h 240036" name="connsiteY1"/>
                <a:gd fmla="*/ 3922656 w 6985227" name="connsiteX2"/>
                <a:gd fmla="*/ 109089 h 240036" name="connsiteY2"/>
                <a:gd fmla="*/ 3055918 w 6985227" name="connsiteX3"/>
                <a:gd fmla="*/ 109089 h 240036" name="connsiteY3"/>
                <a:gd fmla="*/ 2988238 w 6985227" name="connsiteX4"/>
                <a:gd fmla="*/ 0 h 240036" name="connsiteY4"/>
                <a:gd fmla="*/ 2987 w 6985227" name="connsiteX5"/>
                <a:gd fmla="*/ 0 h 240036" name="connsiteY5"/>
                <a:gd fmla="*/ 0 w 6985227" name="connsiteX6"/>
                <a:gd fmla="*/ 5974 h 240036" name="connsiteY6"/>
                <a:gd fmla="*/ 396101 w 6985227" name="connsiteX7"/>
                <a:gd fmla="*/ 240036 h 240036" name="connsiteY7"/>
                <a:gd fmla="*/ 6589126 w 6985227" name="connsiteX8"/>
                <a:gd fmla="*/ 240036 h 240036" name="connsiteY8"/>
                <a:gd fmla="*/ 6985227 w 6985227" name="connsiteX9"/>
                <a:gd fmla="*/ 5974 h 240036" name="connsiteY9"/>
                <a:gd fmla="*/ 6982241 w 6985227" name="connsiteX10"/>
                <a:gd fmla="*/ 0 h 240036"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240036" w="6985227">
                  <a:moveTo>
                    <a:pt x="6982241" y="0"/>
                  </a:moveTo>
                  <a:lnTo>
                    <a:pt x="3990337" y="0"/>
                  </a:lnTo>
                  <a:cubicBezTo>
                    <a:pt x="3988979" y="71685"/>
                    <a:pt x="3959110" y="109089"/>
                    <a:pt x="3922656" y="109089"/>
                  </a:cubicBezTo>
                  <a:lnTo>
                    <a:pt x="3055918" y="109089"/>
                  </a:lnTo>
                  <a:cubicBezTo>
                    <a:pt x="3019465" y="109089"/>
                    <a:pt x="2989528" y="71617"/>
                    <a:pt x="2988238" y="0"/>
                  </a:cubicBezTo>
                  <a:lnTo>
                    <a:pt x="2987" y="0"/>
                  </a:lnTo>
                  <a:cubicBezTo>
                    <a:pt x="1358" y="0"/>
                    <a:pt x="0" y="2715"/>
                    <a:pt x="0" y="5974"/>
                  </a:cubicBezTo>
                  <a:cubicBezTo>
                    <a:pt x="0" y="117575"/>
                    <a:pt x="248522" y="215327"/>
                    <a:pt x="396101" y="240036"/>
                  </a:cubicBezTo>
                  <a:lnTo>
                    <a:pt x="6589126" y="240036"/>
                  </a:lnTo>
                  <a:cubicBezTo>
                    <a:pt x="6736705" y="215327"/>
                    <a:pt x="6985227" y="117575"/>
                    <a:pt x="6985227" y="5974"/>
                  </a:cubicBezTo>
                  <a:cubicBezTo>
                    <a:pt x="6985227" y="2715"/>
                    <a:pt x="6983870" y="0"/>
                    <a:pt x="6982241" y="0"/>
                  </a:cubicBezTo>
                  <a:close/>
                </a:path>
              </a:pathLst>
            </a:custGeom>
            <a:solidFill>
              <a:srgbClr val="093371"/>
            </a:solidFill>
            <a:ln cap="flat" w="6785">
              <a:noFill/>
              <a:prstDash val="solid"/>
              <a:miter/>
            </a:ln>
          </p:spPr>
          <p:txBody>
            <a:bodyPr anchor="ctr" rtlCol="0"/>
            <a:lstStyle/>
            <a:p>
              <a:endParaRPr lang="es-ES"/>
            </a:p>
          </p:txBody>
        </p:sp>
      </p:grpSp>
      <p:sp>
        <p:nvSpPr>
          <p:cNvPr id="4" name="Rectangle: Rounded Corners 3">
            <a:extLst>
              <a:ext uri="{FF2B5EF4-FFF2-40B4-BE49-F238E27FC236}">
                <a16:creationId xmlns:a16="http://schemas.microsoft.com/office/drawing/2014/main" id="{A6295D00-4439-908E-8802-AF81E6B7213A}"/>
              </a:ext>
            </a:extLst>
          </p:cNvPr>
          <p:cNvSpPr>
            <a:spLocks/>
          </p:cNvSpPr>
          <p:nvPr/>
        </p:nvSpPr>
        <p:spPr>
          <a:xfrm>
            <a:off x="4400550" y="3009900"/>
            <a:ext cx="3314700" cy="647700"/>
          </a:xfrm>
          <a:prstGeom prst="roundRect">
            <a:avLst>
              <a:gd fmla="val 46078" name="adj"/>
            </a:avLst>
          </a:prstGeom>
          <a:noFill/>
          <a:ln w="2857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sz="2800"/>
          </a:p>
        </p:txBody>
      </p:sp>
      <p:grpSp>
        <p:nvGrpSpPr>
          <p:cNvPr id="27" name="Group 26">
            <a:extLst>
              <a:ext uri="{FF2B5EF4-FFF2-40B4-BE49-F238E27FC236}">
                <a16:creationId xmlns:a16="http://schemas.microsoft.com/office/drawing/2014/main" id="{36E5BB72-324F-B466-7718-D759E095DB6F}"/>
              </a:ext>
            </a:extLst>
          </p:cNvPr>
          <p:cNvGrpSpPr/>
          <p:nvPr/>
        </p:nvGrpSpPr>
        <p:grpSpPr>
          <a:xfrm>
            <a:off x="6952678" y="3054939"/>
            <a:ext cx="556006" cy="558211"/>
            <a:chOff x="8195151" y="1866900"/>
            <a:chExt cx="3417345" cy="3430898"/>
          </a:xfrm>
        </p:grpSpPr>
        <p:sp>
          <p:nvSpPr>
            <p:cNvPr id="8" name="Freeform: Shape 7">
              <a:extLst>
                <a:ext uri="{FF2B5EF4-FFF2-40B4-BE49-F238E27FC236}">
                  <a16:creationId xmlns:a16="http://schemas.microsoft.com/office/drawing/2014/main" id="{2F03C668-0246-12E2-06E9-E5570C48DBB3}"/>
                </a:ext>
              </a:extLst>
            </p:cNvPr>
            <p:cNvSpPr/>
            <p:nvPr/>
          </p:nvSpPr>
          <p:spPr>
            <a:xfrm>
              <a:off x="8195151" y="1866900"/>
              <a:ext cx="2515028" cy="2515028"/>
            </a:xfrm>
            <a:custGeom>
              <a:avLst/>
              <a:gdLst>
                <a:gd fmla="*/ 2515029 w 2515028" name="connsiteX0"/>
                <a:gd fmla="*/ 1257514 h 2515028" name="connsiteY0"/>
                <a:gd fmla="*/ 1257514 w 2515028" name="connsiteX1"/>
                <a:gd fmla="*/ 2515029 h 2515028" name="connsiteY1"/>
                <a:gd fmla="*/ 0 w 2515028" name="connsiteX2"/>
                <a:gd fmla="*/ 1257514 h 2515028" name="connsiteY2"/>
                <a:gd fmla="*/ 1257514 w 2515028" name="connsiteX3"/>
                <a:gd fmla="*/ 0 h 2515028" name="connsiteY3"/>
                <a:gd fmla="*/ 2515029 w 2515028" name="connsiteX4"/>
                <a:gd fmla="*/ 1257514 h 2515028"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515028" w="2515028">
                  <a:moveTo>
                    <a:pt x="2515029" y="1257514"/>
                  </a:moveTo>
                  <a:cubicBezTo>
                    <a:pt x="2515029" y="1952020"/>
                    <a:pt x="1952020" y="2515029"/>
                    <a:pt x="1257514" y="2515029"/>
                  </a:cubicBezTo>
                  <a:cubicBezTo>
                    <a:pt x="563008" y="2515029"/>
                    <a:pt x="0" y="1952020"/>
                    <a:pt x="0" y="1257514"/>
                  </a:cubicBezTo>
                  <a:cubicBezTo>
                    <a:pt x="0" y="563008"/>
                    <a:pt x="563008" y="0"/>
                    <a:pt x="1257514" y="0"/>
                  </a:cubicBezTo>
                  <a:cubicBezTo>
                    <a:pt x="1952020" y="0"/>
                    <a:pt x="2515029" y="563008"/>
                    <a:pt x="2515029" y="1257514"/>
                  </a:cubicBezTo>
                  <a:close/>
                </a:path>
              </a:pathLst>
            </a:custGeom>
            <a:solidFill>
              <a:srgbClr val="093371"/>
            </a:solidFill>
            <a:ln cap="flat" w="5829">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7DB13DA-6C5C-2A5A-8AC4-41432F630731}"/>
                </a:ext>
              </a:extLst>
            </p:cNvPr>
            <p:cNvSpPr/>
            <p:nvPr/>
          </p:nvSpPr>
          <p:spPr>
            <a:xfrm rot="18900000">
              <a:off x="8361798" y="2033559"/>
              <a:ext cx="2181709" cy="2181709"/>
            </a:xfrm>
            <a:custGeom>
              <a:avLst/>
              <a:gdLst>
                <a:gd fmla="*/ 2181709 w 2181709" name="connsiteX0"/>
                <a:gd fmla="*/ 1090855 h 2181709" name="connsiteY0"/>
                <a:gd fmla="*/ 1090855 w 2181709" name="connsiteX1"/>
                <a:gd fmla="*/ 2181709 h 2181709" name="connsiteY1"/>
                <a:gd fmla="*/ 0 w 2181709" name="connsiteX2"/>
                <a:gd fmla="*/ 1090855 h 2181709" name="connsiteY2"/>
                <a:gd fmla="*/ 1090855 w 2181709" name="connsiteX3"/>
                <a:gd fmla="*/ 0 h 2181709" name="connsiteY3"/>
                <a:gd fmla="*/ 2181709 w 2181709" name="connsiteX4"/>
                <a:gd fmla="*/ 1090855 h 2181709"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181709" w="2181709">
                  <a:moveTo>
                    <a:pt x="2181709" y="1090855"/>
                  </a:moveTo>
                  <a:cubicBezTo>
                    <a:pt x="2181709" y="1693317"/>
                    <a:pt x="1693317" y="2181709"/>
                    <a:pt x="1090855" y="2181709"/>
                  </a:cubicBezTo>
                  <a:cubicBezTo>
                    <a:pt x="488392" y="2181709"/>
                    <a:pt x="0" y="1693317"/>
                    <a:pt x="0" y="1090855"/>
                  </a:cubicBezTo>
                  <a:cubicBezTo>
                    <a:pt x="0" y="488392"/>
                    <a:pt x="488392" y="0"/>
                    <a:pt x="1090855" y="0"/>
                  </a:cubicBezTo>
                  <a:cubicBezTo>
                    <a:pt x="1693317" y="0"/>
                    <a:pt x="2181709" y="488392"/>
                    <a:pt x="2181709" y="1090855"/>
                  </a:cubicBezTo>
                  <a:close/>
                </a:path>
              </a:pathLst>
            </a:custGeom>
            <a:solidFill>
              <a:srgbClr val="FFFFFF"/>
            </a:solidFill>
            <a:ln cap="flat" w="5829">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6322F409-6073-6809-C419-E057B13CFC4F}"/>
                </a:ext>
              </a:extLst>
            </p:cNvPr>
            <p:cNvSpPr/>
            <p:nvPr/>
          </p:nvSpPr>
          <p:spPr>
            <a:xfrm>
              <a:off x="10346870" y="4032179"/>
              <a:ext cx="1265626" cy="1265619"/>
            </a:xfrm>
            <a:custGeom>
              <a:avLst/>
              <a:gdLst>
                <a:gd fmla="*/ 62118 w 1265626" name="connsiteX0"/>
                <a:gd fmla="*/ 62169 h 1265619" name="connsiteY0"/>
                <a:gd fmla="*/ 62118 w 1265626" name="connsiteX1"/>
                <a:gd fmla="*/ 62169 h 1265619" name="connsiteY1"/>
                <a:gd fmla="*/ 362374 w 1265626" name="connsiteX2"/>
                <a:gd fmla="*/ 62169 h 1265619" name="connsiteY2"/>
                <a:gd fmla="*/ 362374 w 1265626" name="connsiteX3"/>
                <a:gd fmla="*/ 62169 h 1265619" name="connsiteY3"/>
                <a:gd fmla="*/ 1238026 w 1265626" name="connsiteX4"/>
                <a:gd fmla="*/ 937820 h 1265619" name="connsiteY4"/>
                <a:gd fmla="*/ 1238026 w 1265626" name="connsiteX5"/>
                <a:gd fmla="*/ 1071066 h 1265619" name="connsiteY5"/>
                <a:gd fmla="*/ 1238026 w 1265626" name="connsiteX6"/>
                <a:gd fmla="*/ 1071066 h 1265619" name="connsiteY6"/>
                <a:gd fmla="*/ 1071073 w 1265626" name="connsiteX7"/>
                <a:gd fmla="*/ 1238018 h 1265619" name="connsiteY7"/>
                <a:gd fmla="*/ 937827 w 1265626" name="connsiteX8"/>
                <a:gd fmla="*/ 1238018 h 1265619" name="connsiteY8"/>
                <a:gd fmla="*/ 937827 w 1265626" name="connsiteX9"/>
                <a:gd fmla="*/ 1238018 h 1265619" name="connsiteY9"/>
                <a:gd fmla="*/ 62176 w 1265626" name="connsiteX10"/>
                <a:gd fmla="*/ 362367 h 1265619" name="connsiteY10"/>
                <a:gd fmla="*/ 62118 w 1265626" name="connsiteX11"/>
                <a:gd fmla="*/ 62169 h 1265619"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1265619" w="1265626">
                  <a:moveTo>
                    <a:pt x="62118" y="62169"/>
                  </a:moveTo>
                  <a:lnTo>
                    <a:pt x="62118" y="62169"/>
                  </a:lnTo>
                  <a:cubicBezTo>
                    <a:pt x="145010" y="-20723"/>
                    <a:pt x="279483" y="-20723"/>
                    <a:pt x="362374" y="62169"/>
                  </a:cubicBezTo>
                  <a:lnTo>
                    <a:pt x="362374" y="62169"/>
                  </a:lnTo>
                  <a:lnTo>
                    <a:pt x="1238026" y="937820"/>
                  </a:lnTo>
                  <a:cubicBezTo>
                    <a:pt x="1274827" y="974622"/>
                    <a:pt x="1274827" y="1034264"/>
                    <a:pt x="1238026" y="1071066"/>
                  </a:cubicBezTo>
                  <a:lnTo>
                    <a:pt x="1238026" y="1071066"/>
                  </a:lnTo>
                  <a:lnTo>
                    <a:pt x="1071073" y="1238018"/>
                  </a:lnTo>
                  <a:cubicBezTo>
                    <a:pt x="1034272" y="1274820"/>
                    <a:pt x="974629" y="1274820"/>
                    <a:pt x="937827" y="1238018"/>
                  </a:cubicBezTo>
                  <a:lnTo>
                    <a:pt x="937827" y="1238018"/>
                  </a:lnTo>
                  <a:lnTo>
                    <a:pt x="62176" y="362367"/>
                  </a:lnTo>
                  <a:cubicBezTo>
                    <a:pt x="-20716" y="279475"/>
                    <a:pt x="-20716" y="145119"/>
                    <a:pt x="62118" y="62169"/>
                  </a:cubicBezTo>
                  <a:close/>
                </a:path>
              </a:pathLst>
            </a:custGeom>
            <a:solidFill>
              <a:srgbClr val="FF8F02"/>
            </a:solidFill>
            <a:ln cap="flat" w="5829">
              <a:noFill/>
              <a:prstDash val="solid"/>
              <a:miter/>
            </a:ln>
          </p:spPr>
          <p:txBody>
            <a:bodyPr anchor="ctr" rtlCol="0"/>
            <a:lstStyle/>
            <a:p>
              <a:endParaRPr lang="es-ES"/>
            </a:p>
          </p:txBody>
        </p:sp>
      </p:grpSp>
      <p:sp>
        <p:nvSpPr>
          <p:cNvPr id="28" name="TextBox 27">
            <a:extLst>
              <a:ext uri="{FF2B5EF4-FFF2-40B4-BE49-F238E27FC236}">
                <a16:creationId xmlns:a16="http://schemas.microsoft.com/office/drawing/2014/main" id="{F052B5CB-3E0A-DD0C-9937-8D4DB1C0EF22}"/>
              </a:ext>
            </a:extLst>
          </p:cNvPr>
          <p:cNvSpPr txBox="1"/>
          <p:nvPr/>
        </p:nvSpPr>
        <p:spPr>
          <a:xfrm>
            <a:off x="4648200" y="3860800"/>
            <a:ext cx="2914650" cy="487634"/>
          </a:xfrm>
          <a:prstGeom prst="rect">
            <a:avLst/>
          </a:prstGeom>
          <a:noFill/>
        </p:spPr>
        <p:txBody>
          <a:bodyPr rtlCol="0" wrap="square">
            <a:spAutoFit/>
          </a:bodyPr>
          <a:lstStyle/>
          <a:p txid="d0e589db41f79227af0a06b07857df2f">
            <a:pPr algn="ctr">
              <a:lnSpc>
                <a:spcPts val="3300"/>
              </a:lnSpc>
              <a:buClr>
                <a:srgbClr val="008CCF"/>
              </a:buClr>
            </a:pPr>
            <a:r>
              <a:rPr lang="es-ES" sz="2400">
                <a:latin typeface="+mj-lt"/>
              </a:rPr>
              <a:t>Pas trouvé</a:t>
            </a:r>
          </a:p>
        </p:txBody>
      </p:sp>
    </p:spTree>
    <p:custDataLst>
      <p:tags r:id="rId1"/>
    </p:custDataLst>
    <p:extLst>
      <p:ext uri="{BB962C8B-B14F-4D97-AF65-F5344CB8AC3E}">
        <p14:creationId xmlns:p14="http://schemas.microsoft.com/office/powerpoint/2010/main" val="4581790"/>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6864" p14:dur="275">
        <p159:morph option="byObject"/>
      </p:transition>
    </mc:Choice>
    <mc:Fallback xmlns="">
      <p:transition advTm="6864">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anim calcmode="lin" valueType="num">
                                      <p:cBhvr>
                                        <p:cTn dur="500" fill="hold" id="8"/>
                                        <p:tgtEl>
                                          <p:spTgt spid="4"/>
                                        </p:tgtEl>
                                        <p:attrNameLst>
                                          <p:attrName>ppt_x</p:attrName>
                                        </p:attrNameLst>
                                      </p:cBhvr>
                                      <p:tavLst>
                                        <p:tav tm="0">
                                          <p:val>
                                            <p:strVal val="#ppt_x"/>
                                          </p:val>
                                        </p:tav>
                                        <p:tav tm="100000">
                                          <p:val>
                                            <p:strVal val="#ppt_x"/>
                                          </p:val>
                                        </p:tav>
                                      </p:tavLst>
                                    </p:anim>
                                    <p:anim calcmode="lin" valueType="num">
                                      <p:cBhvr>
                                        <p:cTn dur="500" fill="hold" id="9"/>
                                        <p:tgtEl>
                                          <p:spTgt spid="4"/>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10" presetSubtype="0">
                                  <p:stCondLst>
                                    <p:cond delay="0"/>
                                  </p:stCondLst>
                                  <p:childTnLst>
                                    <p:set>
                                      <p:cBhvr>
                                        <p:cTn dur="1" fill="hold" id="12">
                                          <p:stCondLst>
                                            <p:cond delay="0"/>
                                          </p:stCondLst>
                                        </p:cTn>
                                        <p:tgtEl>
                                          <p:spTgt spid="27"/>
                                        </p:tgtEl>
                                        <p:attrNameLst>
                                          <p:attrName>style.visibility</p:attrName>
                                        </p:attrNameLst>
                                      </p:cBhvr>
                                      <p:to>
                                        <p:strVal val="visible"/>
                                      </p:to>
                                    </p:set>
                                    <p:animEffect filter="fade" transition="in">
                                      <p:cBhvr>
                                        <p:cTn dur="500" id="13"/>
                                        <p:tgtEl>
                                          <p:spTgt spid="27"/>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28"/>
                                        </p:tgtEl>
                                        <p:attrNameLst>
                                          <p:attrName>style.visibility</p:attrName>
                                        </p:attrNameLst>
                                      </p:cBhvr>
                                      <p:to>
                                        <p:strVal val="visible"/>
                                      </p:to>
                                    </p:set>
                                    <p:animEffect filter="fade" transition="in">
                                      <p:cBhvr>
                                        <p:cTn dur="500" id="18"/>
                                        <p:tgtEl>
                                          <p:spTgt spid="2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grpId="0" spid="28"/>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13c9d5a7b0102e8ea22d81967a791e80">
            <a:r>
              <a:rPr dirty="0" lang="en-NO"/>
              <a:t>Dans cette vidéo, vous verrez…</a:t>
            </a:r>
          </a:p>
        </p:txBody>
      </p:sp>
      <p:sp>
        <p:nvSpPr>
          <p:cNvPr id="6" name="TextBox 5">
            <a:extLst>
              <a:ext uri="{FF2B5EF4-FFF2-40B4-BE49-F238E27FC236}">
                <a16:creationId xmlns:a16="http://schemas.microsoft.com/office/drawing/2014/main" id="{4377DFC4-435B-BB52-A311-48A02A2D363D}"/>
              </a:ext>
            </a:extLst>
          </p:cNvPr>
          <p:cNvSpPr txBox="1"/>
          <p:nvPr/>
        </p:nvSpPr>
        <p:spPr>
          <a:xfrm>
            <a:off x="5882860" y="2760803"/>
            <a:ext cx="4880390" cy="830997"/>
          </a:xfrm>
          <a:prstGeom prst="rect">
            <a:avLst/>
          </a:prstGeom>
          <a:noFill/>
        </p:spPr>
        <p:txBody>
          <a:bodyPr rtlCol="0" wrap="square">
            <a:spAutoFit/>
          </a:bodyPr>
          <a:lstStyle/>
          <a:p txid="3ee6072773dbb29b6de11dc417336515">
            <a:pPr algn="l" indent="-342900" marL="342900">
              <a:buClr>
                <a:srgbClr val="008CCF"/>
              </a:buClr>
              <a:buFont charset="-79" pitchFamily="2" typeface="Rubik"/>
              <a:buChar char="•"/>
            </a:pPr>
            <a:r>
              <a:rPr lang="es-ES" sz="2400"/>
              <a:t>Comment appliquer une norme claire pour nommer les métadonnées</a:t>
            </a:r>
            <a:r>
              <a:rPr lang="en-NO" sz="2400"/>
              <a:t> </a:t>
            </a:r>
            <a:r>
              <a:rPr dirty="0" lang="en-NO" sz="2400"/>
            </a:r>
            <a:r>
              <a:rPr lang="en-NO" sz="2400"/>
            </a:r>
            <a:r>
              <a:rPr dirty="0" lang="en-NO" sz="2400"/>
            </a:r>
          </a:p>
        </p:txBody>
      </p:sp>
      <p:grpSp>
        <p:nvGrpSpPr>
          <p:cNvPr id="20" name="Group 19">
            <a:extLst>
              <a:ext uri="{FF2B5EF4-FFF2-40B4-BE49-F238E27FC236}">
                <a16:creationId xmlns:a16="http://schemas.microsoft.com/office/drawing/2014/main" id="{403C71B3-E378-88D9-C2F4-8D64E096D9EE}"/>
              </a:ext>
            </a:extLst>
          </p:cNvPr>
          <p:cNvGrpSpPr/>
          <p:nvPr/>
        </p:nvGrpSpPr>
        <p:grpSpPr>
          <a:xfrm>
            <a:off x="2666189" y="2251948"/>
            <a:ext cx="2186021" cy="2059266"/>
            <a:chOff x="4531194" y="2319337"/>
            <a:chExt cx="3092401" cy="2913090"/>
          </a:xfrm>
        </p:grpSpPr>
        <p:sp>
          <p:nvSpPr>
            <p:cNvPr id="21" name="Freeform: Shape 20">
              <a:extLst>
                <a:ext uri="{FF2B5EF4-FFF2-40B4-BE49-F238E27FC236}">
                  <a16:creationId xmlns:a16="http://schemas.microsoft.com/office/drawing/2014/main" id="{5DBF880B-B030-2275-4FD1-F24FF3C3414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B11FEDA-C23A-5F4F-6C5B-F62F20DF5697}"/>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328245D-ECD2-3B40-70EA-7143B77BD388}"/>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1210CCD6-8496-E664-8E7F-0F287A5C7FDD}"/>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25" name="Freeform: Shape 24">
              <a:extLst>
                <a:ext uri="{FF2B5EF4-FFF2-40B4-BE49-F238E27FC236}">
                  <a16:creationId xmlns:a16="http://schemas.microsoft.com/office/drawing/2014/main" id="{6883D1CB-4A3E-DCF1-A90F-B34B820129E5}"/>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26" name="Freeform: Shape 25">
              <a:extLst>
                <a:ext uri="{FF2B5EF4-FFF2-40B4-BE49-F238E27FC236}">
                  <a16:creationId xmlns:a16="http://schemas.microsoft.com/office/drawing/2014/main" id="{E4BFC383-B16D-A79F-448F-0E9A1B58EE49}"/>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D264BD6B-DD62-BA01-3B67-CB5E31E8754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0DBFDC2D-1DC7-3C88-4EB3-075AF3049693}"/>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58535069-2A39-C685-2303-51D08E281012}"/>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0" name="Group 29">
              <a:extLst>
                <a:ext uri="{FF2B5EF4-FFF2-40B4-BE49-F238E27FC236}">
                  <a16:creationId xmlns:a16="http://schemas.microsoft.com/office/drawing/2014/main" id="{F1CB70C3-90C3-8C41-0ED1-722E46CB486C}"/>
                </a:ext>
              </a:extLst>
            </p:cNvPr>
            <p:cNvGrpSpPr/>
            <p:nvPr/>
          </p:nvGrpSpPr>
          <p:grpSpPr>
            <a:xfrm>
              <a:off x="4531194" y="3289250"/>
              <a:ext cx="978408" cy="978363"/>
              <a:chOff x="4531194" y="3289250"/>
              <a:chExt cx="978408" cy="978363"/>
            </a:xfrm>
          </p:grpSpPr>
          <p:sp>
            <p:nvSpPr>
              <p:cNvPr id="31" name="Freeform: Shape 30">
                <a:extLst>
                  <a:ext uri="{FF2B5EF4-FFF2-40B4-BE49-F238E27FC236}">
                    <a16:creationId xmlns:a16="http://schemas.microsoft.com/office/drawing/2014/main" id="{00FC637A-5953-AA3F-F143-98184FB8E4B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261D1C45-A083-CF05-1CAE-A9DAE2D7B70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DA631E30-9B9A-C22B-0D10-AD739F693584}"/>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Tree>
    <p:custDataLst>
      <p:tags r:id="rId1"/>
    </p:custDataLst>
    <p:extLst>
      <p:ext uri="{BB962C8B-B14F-4D97-AF65-F5344CB8AC3E}">
        <p14:creationId xmlns:p14="http://schemas.microsoft.com/office/powerpoint/2010/main" val="1380975060"/>
      </p:ext>
    </p:extLst>
  </p:cSld>
  <p:clrMapOvr>
    <a:masterClrMapping/>
  </p:clrMapOvr>
  <mc:AlternateContent xmlns:mc="http://schemas.openxmlformats.org/markup-compatibility/2006" xmlns:p14="http://schemas.microsoft.com/office/powerpoint/2010/main">
    <mc:Choice Requires="p14">
      <p:transition advTm="11904" p14:dur="700" spd="med">
        <p:fade/>
      </p:transition>
    </mc:Choice>
    <mc:Fallback xmlns="">
      <p:transition advTm="11904" spd="med">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6"/>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51c0deda8f0042e2e0b543049258d1bc">
            <a:r>
              <a:rPr lang="es-ES"/>
              <a:t>Méthode d'appellation normalisée</a:t>
            </a:r>
            <a:endParaRPr dirty="0" lang="en-NO"/>
          </a:p>
        </p:txBody>
      </p:sp>
      <p:sp>
        <p:nvSpPr>
          <p:cNvPr id="4" name="TextBox 3">
            <a:extLst>
              <a:ext uri="{FF2B5EF4-FFF2-40B4-BE49-F238E27FC236}">
                <a16:creationId xmlns:a16="http://schemas.microsoft.com/office/drawing/2014/main" id="{5D636D7E-4F01-6B56-FCF6-572DE74A4198}"/>
              </a:ext>
            </a:extLst>
          </p:cNvPr>
          <p:cNvSpPr txBox="1"/>
          <p:nvPr/>
        </p:nvSpPr>
        <p:spPr>
          <a:xfrm>
            <a:off x="4744108" y="1446227"/>
            <a:ext cx="2801350" cy="461666"/>
          </a:xfrm>
          <a:prstGeom prst="rect">
            <a:avLst/>
          </a:prstGeom>
          <a:noFill/>
        </p:spPr>
        <p:txBody>
          <a:bodyPr rtlCol="0" wrap="square">
            <a:spAutoFit/>
          </a:bodyPr>
          <a:lstStyle/>
          <a:p txid="cf37fd4afb1e40c8253152c792ce2888">
            <a:pPr algn="ctr">
              <a:buClr>
                <a:srgbClr val="008CCF"/>
              </a:buClr>
            </a:pPr>
            <a:r>
              <a:rPr dirty="0" lang="es-ES" sz="2400">
                <a:latin charset="-79" pitchFamily="2" typeface="Rubik"/>
                <a:cs charset="-79" pitchFamily="2" typeface="Rubik"/>
              </a:rPr>
              <a:t>Éléments de données</a:t>
            </a:r>
            <a:r>
              <a:rPr dirty="0" err="1" lang="es-ES" sz="2400">
                <a:latin charset="-79" pitchFamily="2" typeface="Rubik"/>
                <a:cs charset="-79" pitchFamily="2" typeface="Rubik"/>
              </a:rPr>
            </a:r>
            <a:endParaRPr dirty="0" lang="es-ES" sz="2400">
              <a:latin charset="-79" pitchFamily="2" typeface="Rubik"/>
              <a:cs charset="-79" pitchFamily="2" typeface="Rubik"/>
            </a:endParaRPr>
          </a:p>
        </p:txBody>
      </p:sp>
      <p:pic>
        <p:nvPicPr>
          <p:cNvPr id="30" name="Graphic 29">
            <a:extLst>
              <a:ext uri="{FF2B5EF4-FFF2-40B4-BE49-F238E27FC236}">
                <a16:creationId xmlns:a16="http://schemas.microsoft.com/office/drawing/2014/main" id="{ADE14394-F77F-A901-A88C-AC23118D985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594384" y="1963470"/>
            <a:ext cx="3743165" cy="1995403"/>
          </a:xfrm>
          <a:prstGeom prst="rect">
            <a:avLst/>
          </a:prstGeom>
        </p:spPr>
      </p:pic>
      <p:pic>
        <p:nvPicPr>
          <p:cNvPr descr="Arrow: Clockwise curve with solid fill" id="31" name="Graphic 30">
            <a:extLst>
              <a:ext uri="{FF2B5EF4-FFF2-40B4-BE49-F238E27FC236}">
                <a16:creationId xmlns:a16="http://schemas.microsoft.com/office/drawing/2014/main" id="{530174A9-D7CB-2C08-C31C-E10B9B2D20FA}"/>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flipH="1" flipV="1" rot="2951156">
            <a:off x="5280241" y="3256978"/>
            <a:ext cx="1427654" cy="1427654"/>
          </a:xfrm>
          <a:prstGeom prst="rect">
            <a:avLst/>
          </a:prstGeom>
        </p:spPr>
      </p:pic>
      <p:sp>
        <p:nvSpPr>
          <p:cNvPr id="5" name="TextBox 4">
            <a:extLst>
              <a:ext uri="{FF2B5EF4-FFF2-40B4-BE49-F238E27FC236}">
                <a16:creationId xmlns:a16="http://schemas.microsoft.com/office/drawing/2014/main" id="{7CC34036-2D1E-3719-FB75-5781721750C2}"/>
              </a:ext>
            </a:extLst>
          </p:cNvPr>
          <p:cNvSpPr txBox="1"/>
          <p:nvPr/>
        </p:nvSpPr>
        <p:spPr>
          <a:xfrm>
            <a:off x="4692650" y="4383126"/>
            <a:ext cx="1638300" cy="487634"/>
          </a:xfrm>
          <a:prstGeom prst="rect">
            <a:avLst/>
          </a:prstGeom>
          <a:noFill/>
        </p:spPr>
        <p:txBody>
          <a:bodyPr rtlCol="0" wrap="square">
            <a:spAutoFit/>
          </a:bodyPr>
          <a:lstStyle/>
          <a:p txid="afcfe6f898c9c8d8a283248af22a27f9">
            <a:pPr algn="ctr">
              <a:lnSpc>
                <a:spcPts val="3300"/>
              </a:lnSpc>
              <a:buClr>
                <a:srgbClr val="008CCF"/>
              </a:buClr>
            </a:pPr>
            <a:r>
              <a:rPr lang="es-ES" sz="2400"/>
              <a:t>Nom</a:t>
            </a:r>
          </a:p>
        </p:txBody>
      </p:sp>
    </p:spTree>
    <p:custDataLst>
      <p:tags r:id="rId1"/>
    </p:custDataLst>
    <p:extLst>
      <p:ext uri="{BB962C8B-B14F-4D97-AF65-F5344CB8AC3E}">
        <p14:creationId xmlns:p14="http://schemas.microsoft.com/office/powerpoint/2010/main" val="776979082"/>
      </p:ext>
    </p:extLst>
  </p:cSld>
  <p:clrMapOvr>
    <a:masterClrMapping/>
  </p:clrMapOvr>
  <mc:AlternateContent xmlns:mc="http://schemas.openxmlformats.org/markup-compatibility/2006" xmlns:p14="http://schemas.microsoft.com/office/powerpoint/2010/main">
    <mc:Choice Requires="p14">
      <p:transition advTm="10992" p14:dur="2000" spd="slow"/>
    </mc:Choice>
    <mc:Fallback xmlns="">
      <p:transition advTm="1099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0"/>
                                        </p:tgtEl>
                                        <p:attrNameLst>
                                          <p:attrName>style.visibility</p:attrName>
                                        </p:attrNameLst>
                                      </p:cBhvr>
                                      <p:to>
                                        <p:strVal val="visible"/>
                                      </p:to>
                                    </p:set>
                                    <p:anim calcmode="lin" valueType="num">
                                      <p:cBhvr additive="base">
                                        <p:cTn dur="500" fill="hold" id="7"/>
                                        <p:tgtEl>
                                          <p:spTgt spid="30"/>
                                        </p:tgtEl>
                                        <p:attrNameLst>
                                          <p:attrName>ppt_x</p:attrName>
                                        </p:attrNameLst>
                                      </p:cBhvr>
                                      <p:tavLst>
                                        <p:tav tm="0">
                                          <p:val>
                                            <p:strVal val="#ppt_x"/>
                                          </p:val>
                                        </p:tav>
                                        <p:tav tm="100000">
                                          <p:val>
                                            <p:strVal val="#ppt_x"/>
                                          </p:val>
                                        </p:tav>
                                      </p:tavLst>
                                    </p:anim>
                                    <p:anim calcmode="lin" valueType="num">
                                      <p:cBhvr additive="base">
                                        <p:cTn dur="500" fill="hold" id="8"/>
                                        <p:tgtEl>
                                          <p:spTgt spid="30"/>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4"/>
                                        </p:tgtEl>
                                        <p:attrNameLst>
                                          <p:attrName>style.visibility</p:attrName>
                                        </p:attrNameLst>
                                      </p:cBhvr>
                                      <p:to>
                                        <p:strVal val="visible"/>
                                      </p:to>
                                    </p:set>
                                    <p:anim calcmode="lin" valueType="num">
                                      <p:cBhvr additive="base">
                                        <p:cTn dur="500" fill="hold" id="11"/>
                                        <p:tgtEl>
                                          <p:spTgt spid="4"/>
                                        </p:tgtEl>
                                        <p:attrNameLst>
                                          <p:attrName>ppt_x</p:attrName>
                                        </p:attrNameLst>
                                      </p:cBhvr>
                                      <p:tavLst>
                                        <p:tav tm="0">
                                          <p:val>
                                            <p:strVal val="#ppt_x"/>
                                          </p:val>
                                        </p:tav>
                                        <p:tav tm="100000">
                                          <p:val>
                                            <p:strVal val="#ppt_x"/>
                                          </p:val>
                                        </p:tav>
                                      </p:tavLst>
                                    </p:anim>
                                    <p:anim calcmode="lin" valueType="num">
                                      <p:cBhvr additive="base">
                                        <p:cTn dur="500" fill="hold" id="12"/>
                                        <p:tgtEl>
                                          <p:spTgt spid="4"/>
                                        </p:tgtEl>
                                        <p:attrNameLst>
                                          <p:attrName>ppt_y</p:attrName>
                                        </p:attrNameLst>
                                      </p:cBhvr>
                                      <p:tavLst>
                                        <p:tav tm="0">
                                          <p:val>
                                            <p:strVal val="1+#ppt_h/2"/>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1">
                                  <p:stCondLst>
                                    <p:cond delay="0"/>
                                  </p:stCondLst>
                                  <p:childTnLst>
                                    <p:set>
                                      <p:cBhvr>
                                        <p:cTn dur="1" fill="hold" id="16">
                                          <p:stCondLst>
                                            <p:cond delay="0"/>
                                          </p:stCondLst>
                                        </p:cTn>
                                        <p:tgtEl>
                                          <p:spTgt spid="31"/>
                                        </p:tgtEl>
                                        <p:attrNameLst>
                                          <p:attrName>style.visibility</p:attrName>
                                        </p:attrNameLst>
                                      </p:cBhvr>
                                      <p:to>
                                        <p:strVal val="visible"/>
                                      </p:to>
                                    </p:set>
                                    <p:animEffect filter="wipe(up)" transition="in">
                                      <p:cBhvr>
                                        <p:cTn dur="500" id="17"/>
                                        <p:tgtEl>
                                          <p:spTgt spid="3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5"/>
                                        </p:tgtEl>
                                        <p:attrNameLst>
                                          <p:attrName>style.visibility</p:attrName>
                                        </p:attrNameLst>
                                      </p:cBhvr>
                                      <p:to>
                                        <p:strVal val="visible"/>
                                      </p:to>
                                    </p:set>
                                    <p:animEffect filter="fade" transition="in">
                                      <p:cBhvr>
                                        <p:cTn dur="500" id="21"/>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51c0deda8f0042e2e0b543049258d1bc">
            <a:r>
              <a:rPr lang="es-ES"/>
              <a:t>Méthode d'appellation normalisée</a:t>
            </a:r>
            <a:endParaRPr dirty="0" lang="en-NO"/>
          </a:p>
        </p:txBody>
      </p:sp>
      <p:sp>
        <p:nvSpPr>
          <p:cNvPr id="12" name="TextBox 11">
            <a:extLst>
              <a:ext uri="{FF2B5EF4-FFF2-40B4-BE49-F238E27FC236}">
                <a16:creationId xmlns:a16="http://schemas.microsoft.com/office/drawing/2014/main" id="{31F2BEA2-66F2-8338-94C5-A77AD488D5EF}"/>
              </a:ext>
            </a:extLst>
          </p:cNvPr>
          <p:cNvSpPr txBox="1"/>
          <p:nvPr/>
        </p:nvSpPr>
        <p:spPr>
          <a:xfrm>
            <a:off x="4744108" y="1446227"/>
            <a:ext cx="2801350" cy="461666"/>
          </a:xfrm>
          <a:prstGeom prst="rect">
            <a:avLst/>
          </a:prstGeom>
          <a:noFill/>
        </p:spPr>
        <p:txBody>
          <a:bodyPr rtlCol="0" wrap="square">
            <a:spAutoFit/>
          </a:bodyPr>
          <a:lstStyle/>
          <a:p txid="cf37fd4afb1e40c8253152c792ce2888">
            <a:pPr algn="ctr">
              <a:buClr>
                <a:srgbClr val="008CCF"/>
              </a:buClr>
            </a:pPr>
            <a:r>
              <a:rPr dirty="0" lang="es-ES" sz="2400">
                <a:latin charset="-79" pitchFamily="2" typeface="Rubik"/>
                <a:cs charset="-79" pitchFamily="2" typeface="Rubik"/>
              </a:rPr>
              <a:t>Éléments de données</a:t>
            </a:r>
            <a:r>
              <a:rPr dirty="0" err="1" lang="es-ES" sz="2400">
                <a:latin charset="-79" pitchFamily="2" typeface="Rubik"/>
                <a:cs charset="-79" pitchFamily="2" typeface="Rubik"/>
              </a:rPr>
            </a:r>
            <a:endParaRPr dirty="0" lang="es-ES" sz="2400">
              <a:latin charset="-79" pitchFamily="2" typeface="Rubik"/>
              <a:cs charset="-79" pitchFamily="2" typeface="Rubik"/>
            </a:endParaRPr>
          </a:p>
        </p:txBody>
      </p:sp>
      <p:pic>
        <p:nvPicPr>
          <p:cNvPr id="13" name="Graphic 12">
            <a:extLst>
              <a:ext uri="{FF2B5EF4-FFF2-40B4-BE49-F238E27FC236}">
                <a16:creationId xmlns:a16="http://schemas.microsoft.com/office/drawing/2014/main" id="{1441E16E-2A50-1A39-E5E8-6D2EC3463BD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594384" y="1963470"/>
            <a:ext cx="3743165" cy="1995403"/>
          </a:xfrm>
          <a:prstGeom prst="rect">
            <a:avLst/>
          </a:prstGeom>
        </p:spPr>
      </p:pic>
      <p:pic>
        <p:nvPicPr>
          <p:cNvPr id="14" name="Graphic 13">
            <a:extLst>
              <a:ext uri="{FF2B5EF4-FFF2-40B4-BE49-F238E27FC236}">
                <a16:creationId xmlns:a16="http://schemas.microsoft.com/office/drawing/2014/main" id="{4FE1854D-A41D-4AD3-B5BD-F8C32E9BB3E0}"/>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1565020" y="4160244"/>
            <a:ext cx="1196654" cy="1196654"/>
          </a:xfrm>
          <a:prstGeom prst="rect">
            <a:avLst/>
          </a:prstGeom>
        </p:spPr>
      </p:pic>
      <p:pic>
        <p:nvPicPr>
          <p:cNvPr id="15" name="Graphic 14">
            <a:extLst>
              <a:ext uri="{FF2B5EF4-FFF2-40B4-BE49-F238E27FC236}">
                <a16:creationId xmlns:a16="http://schemas.microsoft.com/office/drawing/2014/main" id="{0C128A18-466F-917A-282C-216D364E0DC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645321" y="4232126"/>
            <a:ext cx="1046856" cy="1052890"/>
          </a:xfrm>
          <a:prstGeom prst="rect">
            <a:avLst/>
          </a:prstGeom>
        </p:spPr>
      </p:pic>
      <p:pic>
        <p:nvPicPr>
          <p:cNvPr id="16" name="Graphic 15">
            <a:extLst>
              <a:ext uri="{FF2B5EF4-FFF2-40B4-BE49-F238E27FC236}">
                <a16:creationId xmlns:a16="http://schemas.microsoft.com/office/drawing/2014/main" id="{1F7D74B4-85EC-6A3F-F50F-60400CD2F72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75824" y="4245672"/>
            <a:ext cx="1046856" cy="1025798"/>
          </a:xfrm>
          <a:prstGeom prst="rect">
            <a:avLst/>
          </a:prstGeom>
        </p:spPr>
      </p:pic>
      <p:pic>
        <p:nvPicPr>
          <p:cNvPr id="20" name="Graphic 19">
            <a:extLst>
              <a:ext uri="{FF2B5EF4-FFF2-40B4-BE49-F238E27FC236}">
                <a16:creationId xmlns:a16="http://schemas.microsoft.com/office/drawing/2014/main" id="{2F5436B4-912A-2FB7-0778-74D34F56C7C5}"/>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506327" y="4299995"/>
            <a:ext cx="779711" cy="917152"/>
          </a:xfrm>
          <a:prstGeom prst="rect">
            <a:avLst/>
          </a:prstGeom>
        </p:spPr>
      </p:pic>
      <p:grpSp>
        <p:nvGrpSpPr>
          <p:cNvPr id="21" name="Group 20">
            <a:extLst>
              <a:ext uri="{FF2B5EF4-FFF2-40B4-BE49-F238E27FC236}">
                <a16:creationId xmlns:a16="http://schemas.microsoft.com/office/drawing/2014/main" id="{FA876556-B949-FEDE-CFA5-E25F0ED9E333}"/>
              </a:ext>
            </a:extLst>
          </p:cNvPr>
          <p:cNvGrpSpPr/>
          <p:nvPr/>
        </p:nvGrpSpPr>
        <p:grpSpPr>
          <a:xfrm>
            <a:off x="9169683" y="4329105"/>
            <a:ext cx="1172674" cy="858932"/>
            <a:chOff x="9400591" y="4042175"/>
            <a:chExt cx="1285506" cy="941576"/>
          </a:xfrm>
        </p:grpSpPr>
        <p:sp>
          <p:nvSpPr>
            <p:cNvPr id="22" name="Freeform: Shape 21">
              <a:extLst>
                <a:ext uri="{FF2B5EF4-FFF2-40B4-BE49-F238E27FC236}">
                  <a16:creationId xmlns:a16="http://schemas.microsoft.com/office/drawing/2014/main" id="{088C8471-8AF1-811B-D0F7-46812341FAAD}"/>
                </a:ext>
              </a:extLst>
            </p:cNvPr>
            <p:cNvSpPr/>
            <p:nvPr/>
          </p:nvSpPr>
          <p:spPr>
            <a:xfrm>
              <a:off x="9469270" y="4042175"/>
              <a:ext cx="272503" cy="272503"/>
            </a:xfrm>
            <a:custGeom>
              <a:avLst/>
              <a:gdLst>
                <a:gd fmla="*/ 272504 w 272503" name="connsiteX0"/>
                <a:gd fmla="*/ 136252 h 272503" name="connsiteY0"/>
                <a:gd fmla="*/ 136252 w 272503" name="connsiteX1"/>
                <a:gd fmla="*/ 272503 h 272503" name="connsiteY1"/>
                <a:gd fmla="*/ 0 w 272503" name="connsiteX2"/>
                <a:gd fmla="*/ 136252 h 272503" name="connsiteY2"/>
                <a:gd fmla="*/ 136252 w 272503" name="connsiteX3"/>
                <a:gd fmla="*/ 0 h 272503" name="connsiteY3"/>
                <a:gd fmla="*/ 272504 w 272503" name="connsiteX4"/>
                <a:gd fmla="*/ 136252 h 2725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72503" w="272503">
                  <a:moveTo>
                    <a:pt x="272504" y="136252"/>
                  </a:moveTo>
                  <a:cubicBezTo>
                    <a:pt x="272504" y="211501"/>
                    <a:pt x="211502" y="272503"/>
                    <a:pt x="136252" y="272503"/>
                  </a:cubicBezTo>
                  <a:cubicBezTo>
                    <a:pt x="61002" y="272503"/>
                    <a:pt x="0" y="211501"/>
                    <a:pt x="0" y="136252"/>
                  </a:cubicBezTo>
                  <a:cubicBezTo>
                    <a:pt x="0" y="61002"/>
                    <a:pt x="61002" y="0"/>
                    <a:pt x="136252" y="0"/>
                  </a:cubicBezTo>
                  <a:cubicBezTo>
                    <a:pt x="211502" y="0"/>
                    <a:pt x="272504" y="61002"/>
                    <a:pt x="272504" y="136252"/>
                  </a:cubicBezTo>
                  <a:close/>
                </a:path>
              </a:pathLst>
            </a:custGeom>
            <a:solidFill>
              <a:srgbClr val="093371"/>
            </a:solidFill>
            <a:ln cap="flat" w="2201">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EC8A8A4B-CC65-B3A0-87C6-83C25C534E15}"/>
                </a:ext>
              </a:extLst>
            </p:cNvPr>
            <p:cNvSpPr/>
            <p:nvPr/>
          </p:nvSpPr>
          <p:spPr>
            <a:xfrm>
              <a:off x="9400591" y="4361203"/>
              <a:ext cx="412078" cy="622548"/>
            </a:xfrm>
            <a:custGeom>
              <a:avLst/>
              <a:gdLst>
                <a:gd fmla="*/ 206039 w 412078" name="connsiteX0"/>
                <a:gd fmla="*/ 0 h 622548" name="connsiteY0"/>
                <a:gd fmla="*/ 206039 w 412078" name="connsiteX1"/>
                <a:gd fmla="*/ 0 h 622548" name="connsiteY1"/>
                <a:gd fmla="*/ 412079 w 412078" name="connsiteX2"/>
                <a:gd fmla="*/ 206039 h 622548" name="connsiteY2"/>
                <a:gd fmla="*/ 412079 w 412078" name="connsiteX3"/>
                <a:gd fmla="*/ 586879 h 622548" name="connsiteY3"/>
                <a:gd fmla="*/ 376409 w 412078" name="connsiteX4"/>
                <a:gd fmla="*/ 622549 h 622548" name="connsiteY4"/>
                <a:gd fmla="*/ 35669 w 412078" name="connsiteX5"/>
                <a:gd fmla="*/ 622549 h 622548" name="connsiteY5"/>
                <a:gd fmla="*/ 0 w 412078" name="connsiteX6"/>
                <a:gd fmla="*/ 586879 h 622548" name="connsiteY6"/>
                <a:gd fmla="*/ 0 w 412078" name="connsiteX7"/>
                <a:gd fmla="*/ 206039 h 622548" name="connsiteY7"/>
                <a:gd fmla="*/ 206039 w 412078" name="connsiteX8"/>
                <a:gd fmla="*/ 0 h 622548"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622548" w="412078">
                  <a:moveTo>
                    <a:pt x="206039" y="0"/>
                  </a:moveTo>
                  <a:lnTo>
                    <a:pt x="206039" y="0"/>
                  </a:lnTo>
                  <a:cubicBezTo>
                    <a:pt x="319760" y="0"/>
                    <a:pt x="412079" y="92319"/>
                    <a:pt x="412079" y="206039"/>
                  </a:cubicBezTo>
                  <a:lnTo>
                    <a:pt x="412079" y="586879"/>
                  </a:lnTo>
                  <a:cubicBezTo>
                    <a:pt x="412079" y="606553"/>
                    <a:pt x="396105" y="622549"/>
                    <a:pt x="376409" y="622549"/>
                  </a:cubicBezTo>
                  <a:lnTo>
                    <a:pt x="35669" y="622549"/>
                  </a:lnTo>
                  <a:cubicBezTo>
                    <a:pt x="15974" y="622549"/>
                    <a:pt x="0" y="606575"/>
                    <a:pt x="0" y="586879"/>
                  </a:cubicBezTo>
                  <a:lnTo>
                    <a:pt x="0" y="206039"/>
                  </a:lnTo>
                  <a:cubicBezTo>
                    <a:pt x="0" y="92319"/>
                    <a:pt x="92319" y="0"/>
                    <a:pt x="206039" y="0"/>
                  </a:cubicBezTo>
                  <a:close/>
                </a:path>
              </a:pathLst>
            </a:custGeom>
            <a:solidFill>
              <a:srgbClr val="093371"/>
            </a:solidFill>
            <a:ln cap="flat" w="2201">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7BB0D4C8-FB6D-2CC0-E722-6C063B42E169}"/>
                </a:ext>
              </a:extLst>
            </p:cNvPr>
            <p:cNvSpPr/>
            <p:nvPr/>
          </p:nvSpPr>
          <p:spPr>
            <a:xfrm>
              <a:off x="9984368" y="4361092"/>
              <a:ext cx="180206" cy="180206"/>
            </a:xfrm>
            <a:custGeom>
              <a:avLst/>
              <a:gdLst>
                <a:gd fmla="*/ 180207 w 180206" name="connsiteX0"/>
                <a:gd fmla="*/ 90103 h 180206" name="connsiteY0"/>
                <a:gd fmla="*/ 90103 w 180206" name="connsiteX1"/>
                <a:gd fmla="*/ 180207 h 180206" name="connsiteY1"/>
                <a:gd fmla="*/ 0 w 180206" name="connsiteX2"/>
                <a:gd fmla="*/ 90103 h 180206" name="connsiteY2"/>
                <a:gd fmla="*/ 90103 w 180206" name="connsiteX3"/>
                <a:gd fmla="*/ 0 h 180206" name="connsiteY3"/>
                <a:gd fmla="*/ 180207 w 180206" name="connsiteX4"/>
                <a:gd fmla="*/ 90103 h 18020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80206" w="180206">
                  <a:moveTo>
                    <a:pt x="180207" y="90103"/>
                  </a:moveTo>
                  <a:cubicBezTo>
                    <a:pt x="180207" y="139866"/>
                    <a:pt x="139866" y="180207"/>
                    <a:pt x="90103" y="180207"/>
                  </a:cubicBezTo>
                  <a:cubicBezTo>
                    <a:pt x="40341" y="180207"/>
                    <a:pt x="0" y="139866"/>
                    <a:pt x="0" y="90103"/>
                  </a:cubicBezTo>
                  <a:cubicBezTo>
                    <a:pt x="0" y="40341"/>
                    <a:pt x="40341" y="0"/>
                    <a:pt x="90103" y="0"/>
                  </a:cubicBezTo>
                  <a:cubicBezTo>
                    <a:pt x="139866" y="0"/>
                    <a:pt x="180207" y="40341"/>
                    <a:pt x="180207" y="90103"/>
                  </a:cubicBezTo>
                  <a:close/>
                </a:path>
              </a:pathLst>
            </a:custGeom>
            <a:solidFill>
              <a:srgbClr val="093371"/>
            </a:solidFill>
            <a:ln cap="flat" w="2201">
              <a:noFill/>
              <a:prstDash val="solid"/>
              <a:miter/>
            </a:ln>
          </p:spPr>
          <p:txBody>
            <a:bodyPr anchor="ctr" rtlCol="0"/>
            <a:lstStyle/>
            <a:p>
              <a:endParaRPr lang="es-ES"/>
            </a:p>
          </p:txBody>
        </p:sp>
        <p:sp>
          <p:nvSpPr>
            <p:cNvPr id="26" name="Freeform: Shape 25">
              <a:extLst>
                <a:ext uri="{FF2B5EF4-FFF2-40B4-BE49-F238E27FC236}">
                  <a16:creationId xmlns:a16="http://schemas.microsoft.com/office/drawing/2014/main" id="{7DDB1DB6-8E9E-5780-4942-EFFAD72F1557}"/>
                </a:ext>
              </a:extLst>
            </p:cNvPr>
            <p:cNvSpPr/>
            <p:nvPr/>
          </p:nvSpPr>
          <p:spPr>
            <a:xfrm>
              <a:off x="9938973" y="4572072"/>
              <a:ext cx="272481" cy="411679"/>
            </a:xfrm>
            <a:custGeom>
              <a:avLst/>
              <a:gdLst>
                <a:gd fmla="*/ 136230 w 272481" name="connsiteX0"/>
                <a:gd fmla="*/ 0 h 411679" name="connsiteY0"/>
                <a:gd fmla="*/ 136230 w 272481" name="connsiteX1"/>
                <a:gd fmla="*/ 0 h 411679" name="connsiteY1"/>
                <a:gd fmla="*/ 272481 w 272481" name="connsiteX2"/>
                <a:gd fmla="*/ 136252 h 411679" name="connsiteY2"/>
                <a:gd fmla="*/ 272481 w 272481" name="connsiteX3"/>
                <a:gd fmla="*/ 377185 h 411679" name="connsiteY3"/>
                <a:gd fmla="*/ 237986 w 272481" name="connsiteX4"/>
                <a:gd fmla="*/ 411680 h 411679" name="connsiteY4"/>
                <a:gd fmla="*/ 34495 w 272481" name="connsiteX5"/>
                <a:gd fmla="*/ 411680 h 411679" name="connsiteY5"/>
                <a:gd fmla="*/ 0 w 272481" name="connsiteX6"/>
                <a:gd fmla="*/ 377185 h 411679" name="connsiteY6"/>
                <a:gd fmla="*/ 0 w 272481" name="connsiteX7"/>
                <a:gd fmla="*/ 136252 h 411679" name="connsiteY7"/>
                <a:gd fmla="*/ 136252 w 272481" name="connsiteX8"/>
                <a:gd fmla="*/ 0 h 41167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411679" w="272481">
                  <a:moveTo>
                    <a:pt x="136230" y="0"/>
                  </a:moveTo>
                  <a:lnTo>
                    <a:pt x="136230" y="0"/>
                  </a:lnTo>
                  <a:cubicBezTo>
                    <a:pt x="211423" y="0"/>
                    <a:pt x="272481" y="61058"/>
                    <a:pt x="272481" y="136252"/>
                  </a:cubicBezTo>
                  <a:lnTo>
                    <a:pt x="272481" y="377185"/>
                  </a:lnTo>
                  <a:cubicBezTo>
                    <a:pt x="272481" y="396216"/>
                    <a:pt x="257017" y="411680"/>
                    <a:pt x="237986" y="411680"/>
                  </a:cubicBezTo>
                  <a:lnTo>
                    <a:pt x="34495" y="411680"/>
                  </a:lnTo>
                  <a:cubicBezTo>
                    <a:pt x="15464" y="411680"/>
                    <a:pt x="0" y="396216"/>
                    <a:pt x="0" y="377185"/>
                  </a:cubicBezTo>
                  <a:lnTo>
                    <a:pt x="0" y="136252"/>
                  </a:lnTo>
                  <a:cubicBezTo>
                    <a:pt x="0" y="61058"/>
                    <a:pt x="61059" y="0"/>
                    <a:pt x="136252" y="0"/>
                  </a:cubicBezTo>
                  <a:close/>
                </a:path>
              </a:pathLst>
            </a:custGeom>
            <a:solidFill>
              <a:srgbClr val="093371"/>
            </a:solidFill>
            <a:ln cap="flat" w="2201">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5E4850A2-9DE2-A6AB-09A4-EF60CAC6DF0A}"/>
                </a:ext>
              </a:extLst>
            </p:cNvPr>
            <p:cNvSpPr/>
            <p:nvPr/>
          </p:nvSpPr>
          <p:spPr>
            <a:xfrm>
              <a:off x="10397643" y="4192827"/>
              <a:ext cx="228902" cy="228902"/>
            </a:xfrm>
            <a:custGeom>
              <a:avLst/>
              <a:gdLst>
                <a:gd fmla="*/ 228903 w 228902" name="connsiteX0"/>
                <a:gd fmla="*/ 114451 h 228902" name="connsiteY0"/>
                <a:gd fmla="*/ 114451 w 228902" name="connsiteX1"/>
                <a:gd fmla="*/ 228903 h 228902" name="connsiteY1"/>
                <a:gd fmla="*/ 0 w 228902" name="connsiteX2"/>
                <a:gd fmla="*/ 114451 h 228902" name="connsiteY2"/>
                <a:gd fmla="*/ 114451 w 228902" name="connsiteX3"/>
                <a:gd fmla="*/ 0 h 228902" name="connsiteY3"/>
                <a:gd fmla="*/ 228903 w 228902" name="connsiteX4"/>
                <a:gd fmla="*/ 114451 h 228902"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28902" w="228902">
                  <a:moveTo>
                    <a:pt x="228903" y="114451"/>
                  </a:moveTo>
                  <a:cubicBezTo>
                    <a:pt x="228903" y="177661"/>
                    <a:pt x="177661" y="228903"/>
                    <a:pt x="114451" y="228903"/>
                  </a:cubicBezTo>
                  <a:cubicBezTo>
                    <a:pt x="51242" y="228903"/>
                    <a:pt x="0" y="177661"/>
                    <a:pt x="0" y="114451"/>
                  </a:cubicBezTo>
                  <a:cubicBezTo>
                    <a:pt x="0" y="51242"/>
                    <a:pt x="51242" y="0"/>
                    <a:pt x="114451" y="0"/>
                  </a:cubicBezTo>
                  <a:cubicBezTo>
                    <a:pt x="177661" y="0"/>
                    <a:pt x="228903" y="51242"/>
                    <a:pt x="228903" y="114451"/>
                  </a:cubicBezTo>
                  <a:close/>
                </a:path>
              </a:pathLst>
            </a:custGeom>
            <a:solidFill>
              <a:srgbClr val="093371"/>
            </a:solidFill>
            <a:ln cap="flat" w="2201">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D26E25F2-FC98-8662-9CFF-FCEC4DD752FF}"/>
                </a:ext>
              </a:extLst>
            </p:cNvPr>
            <p:cNvSpPr/>
            <p:nvPr/>
          </p:nvSpPr>
          <p:spPr>
            <a:xfrm>
              <a:off x="10339952" y="4460811"/>
              <a:ext cx="346145" cy="522940"/>
            </a:xfrm>
            <a:custGeom>
              <a:avLst/>
              <a:gdLst>
                <a:gd fmla="*/ 173073 w 346145" name="connsiteX0"/>
                <a:gd fmla="*/ 0 h 522940" name="connsiteY0"/>
                <a:gd fmla="*/ 173073 w 346145" name="connsiteX1"/>
                <a:gd fmla="*/ 0 h 522940" name="connsiteY1"/>
                <a:gd fmla="*/ 346146 w 346145" name="connsiteX2"/>
                <a:gd fmla="*/ 173073 h 522940" name="connsiteY2"/>
                <a:gd fmla="*/ 346146 w 346145" name="connsiteX3"/>
                <a:gd fmla="*/ 487981 h 522940" name="connsiteY3"/>
                <a:gd fmla="*/ 311186 w 346145" name="connsiteX4"/>
                <a:gd fmla="*/ 522941 h 522940" name="connsiteY4"/>
                <a:gd fmla="*/ 34960 w 346145" name="connsiteX5"/>
                <a:gd fmla="*/ 522941 h 522940" name="connsiteY5"/>
                <a:gd fmla="*/ 0 w 346145" name="connsiteX6"/>
                <a:gd fmla="*/ 487981 h 522940" name="connsiteY6"/>
                <a:gd fmla="*/ 0 w 346145" name="connsiteX7"/>
                <a:gd fmla="*/ 173073 h 522940" name="connsiteY7"/>
                <a:gd fmla="*/ 173073 w 346145" name="connsiteX8"/>
                <a:gd fmla="*/ 0 h 522940"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22940" w="346145">
                  <a:moveTo>
                    <a:pt x="173073" y="0"/>
                  </a:moveTo>
                  <a:lnTo>
                    <a:pt x="173073" y="0"/>
                  </a:lnTo>
                  <a:cubicBezTo>
                    <a:pt x="268604" y="0"/>
                    <a:pt x="346146" y="77542"/>
                    <a:pt x="346146" y="173073"/>
                  </a:cubicBezTo>
                  <a:lnTo>
                    <a:pt x="346146" y="487981"/>
                  </a:lnTo>
                  <a:cubicBezTo>
                    <a:pt x="346146" y="507277"/>
                    <a:pt x="330483" y="522941"/>
                    <a:pt x="311186" y="522941"/>
                  </a:cubicBezTo>
                  <a:lnTo>
                    <a:pt x="34960" y="522941"/>
                  </a:lnTo>
                  <a:cubicBezTo>
                    <a:pt x="15663" y="522941"/>
                    <a:pt x="0" y="507277"/>
                    <a:pt x="0" y="487981"/>
                  </a:cubicBezTo>
                  <a:lnTo>
                    <a:pt x="0" y="173073"/>
                  </a:lnTo>
                  <a:cubicBezTo>
                    <a:pt x="0" y="77542"/>
                    <a:pt x="77542" y="0"/>
                    <a:pt x="173073" y="0"/>
                  </a:cubicBezTo>
                  <a:close/>
                </a:path>
              </a:pathLst>
            </a:custGeom>
            <a:solidFill>
              <a:srgbClr val="093371"/>
            </a:solidFill>
            <a:ln cap="flat" w="2201">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1719E13C-2AC8-B47A-FB66-7CB2FB90FA1C}"/>
                </a:ext>
              </a:extLst>
            </p:cNvPr>
            <p:cNvSpPr/>
            <p:nvPr/>
          </p:nvSpPr>
          <p:spPr>
            <a:xfrm>
              <a:off x="9796917" y="4315542"/>
              <a:ext cx="142765" cy="142765"/>
            </a:xfrm>
            <a:custGeom>
              <a:avLst/>
              <a:gdLst>
                <a:gd fmla="*/ 142765 w 142765" name="connsiteX0"/>
                <a:gd fmla="*/ 71383 h 142765" name="connsiteY0"/>
                <a:gd fmla="*/ 71383 w 142765" name="connsiteX1"/>
                <a:gd fmla="*/ 142765 h 142765" name="connsiteY1"/>
                <a:gd fmla="*/ 0 w 142765" name="connsiteX2"/>
                <a:gd fmla="*/ 71383 h 142765" name="connsiteY2"/>
                <a:gd fmla="*/ 71383 w 142765" name="connsiteX3"/>
                <a:gd fmla="*/ 0 h 142765" name="connsiteY3"/>
                <a:gd fmla="*/ 142765 w 142765" name="connsiteX4"/>
                <a:gd fmla="*/ 71383 h 1427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42765" w="142765">
                  <a:moveTo>
                    <a:pt x="142765" y="71383"/>
                  </a:moveTo>
                  <a:cubicBezTo>
                    <a:pt x="142765" y="110806"/>
                    <a:pt x="110806" y="142765"/>
                    <a:pt x="71383" y="142765"/>
                  </a:cubicBezTo>
                  <a:cubicBezTo>
                    <a:pt x="31959" y="142765"/>
                    <a:pt x="0" y="110806"/>
                    <a:pt x="0" y="71383"/>
                  </a:cubicBezTo>
                  <a:cubicBezTo>
                    <a:pt x="0" y="31959"/>
                    <a:pt x="31959" y="0"/>
                    <a:pt x="71383" y="0"/>
                  </a:cubicBezTo>
                  <a:cubicBezTo>
                    <a:pt x="110806" y="0"/>
                    <a:pt x="142765" y="31959"/>
                    <a:pt x="142765" y="71383"/>
                  </a:cubicBezTo>
                  <a:close/>
                </a:path>
              </a:pathLst>
            </a:custGeom>
            <a:solidFill>
              <a:schemeClr val="accent1"/>
            </a:solidFill>
            <a:ln cap="flat" w="2201">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89B9BF7-3DD5-F01E-FEF7-3818589F3E90}"/>
                </a:ext>
              </a:extLst>
            </p:cNvPr>
            <p:cNvSpPr/>
            <p:nvPr/>
          </p:nvSpPr>
          <p:spPr>
            <a:xfrm rot="2700000">
              <a:off x="9591668" y="4415387"/>
              <a:ext cx="215898" cy="282052"/>
            </a:xfrm>
            <a:custGeom>
              <a:avLst/>
              <a:gdLst>
                <a:gd fmla="*/ 107960 w 215898" name="connsiteX0"/>
                <a:gd fmla="*/ 0 h 282052" name="connsiteY0"/>
                <a:gd fmla="*/ 107960 w 215898" name="connsiteX1"/>
                <a:gd fmla="*/ 0 h 282052" name="connsiteY1"/>
                <a:gd fmla="*/ 215898 w 215898" name="connsiteX2"/>
                <a:gd fmla="*/ 107938 h 282052" name="connsiteY2"/>
                <a:gd fmla="*/ 215898 w 215898" name="connsiteX3"/>
                <a:gd fmla="*/ 263376 h 282052" name="connsiteY3"/>
                <a:gd fmla="*/ 197222 w 215898" name="connsiteX4"/>
                <a:gd fmla="*/ 282052 h 282052" name="connsiteY4"/>
                <a:gd fmla="*/ 174114 w 215898" name="connsiteX5"/>
                <a:gd fmla="*/ 282052 h 282052" name="connsiteY5"/>
                <a:gd fmla="*/ 0 w 215898" name="connsiteX6"/>
                <a:gd fmla="*/ 107938 h 282052" name="connsiteY6"/>
                <a:gd fmla="*/ 0 w 215898" name="connsiteX7"/>
                <a:gd fmla="*/ 107938 h 282052" name="connsiteY7"/>
                <a:gd fmla="*/ 107938 w 215898" name="connsiteX8"/>
                <a:gd fmla="*/ 0 h 28205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282052" w="215898">
                  <a:moveTo>
                    <a:pt x="107960" y="0"/>
                  </a:moveTo>
                  <a:lnTo>
                    <a:pt x="107960" y="0"/>
                  </a:lnTo>
                  <a:cubicBezTo>
                    <a:pt x="167534" y="0"/>
                    <a:pt x="215898" y="48364"/>
                    <a:pt x="215898" y="107938"/>
                  </a:cubicBezTo>
                  <a:lnTo>
                    <a:pt x="215898" y="263376"/>
                  </a:lnTo>
                  <a:cubicBezTo>
                    <a:pt x="215898" y="273678"/>
                    <a:pt x="207524" y="282052"/>
                    <a:pt x="197222" y="282052"/>
                  </a:cubicBezTo>
                  <a:lnTo>
                    <a:pt x="174114" y="282052"/>
                  </a:lnTo>
                  <a:cubicBezTo>
                    <a:pt x="78029" y="282052"/>
                    <a:pt x="0" y="204045"/>
                    <a:pt x="0" y="107938"/>
                  </a:cubicBezTo>
                  <a:lnTo>
                    <a:pt x="0" y="107938"/>
                  </a:lnTo>
                  <a:cubicBezTo>
                    <a:pt x="0" y="48364"/>
                    <a:pt x="48364" y="0"/>
                    <a:pt x="107938" y="0"/>
                  </a:cubicBezTo>
                  <a:close/>
                </a:path>
              </a:pathLst>
            </a:custGeom>
            <a:solidFill>
              <a:schemeClr val="accent1"/>
            </a:solidFill>
            <a:ln cap="flat" w="2201">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4089887302"/>
      </p:ext>
    </p:extLst>
  </p:cSld>
  <p:clrMapOvr>
    <a:masterClrMapping/>
  </p:clrMapOvr>
  <mc:AlternateContent xmlns:mc="http://schemas.openxmlformats.org/markup-compatibility/2006" xmlns:p14="http://schemas.microsoft.com/office/powerpoint/2010/main">
    <mc:Choice Requires="p14">
      <p:transition advTm="8520" p14:dur="2000" spd="slow"/>
    </mc:Choice>
    <mc:Fallback xmlns="">
      <p:transition advTm="85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14"/>
                                        </p:tgtEl>
                                        <p:attrNameLst>
                                          <p:attrName>style.visibility</p:attrName>
                                        </p:attrNameLst>
                                      </p:cBhvr>
                                      <p:to>
                                        <p:strVal val="visible"/>
                                      </p:to>
                                    </p:set>
                                    <p:animEffect filter="fade" transition="in">
                                      <p:cBhvr>
                                        <p:cTn dur="500" id="7"/>
                                        <p:tgtEl>
                                          <p:spTgt spid="14"/>
                                        </p:tgtEl>
                                      </p:cBhvr>
                                    </p:animEffect>
                                    <p:anim calcmode="lin" valueType="num">
                                      <p:cBhvr>
                                        <p:cTn dur="500" fill="hold" id="8"/>
                                        <p:tgtEl>
                                          <p:spTgt spid="14"/>
                                        </p:tgtEl>
                                        <p:attrNameLst>
                                          <p:attrName>ppt_x</p:attrName>
                                        </p:attrNameLst>
                                      </p:cBhvr>
                                      <p:tavLst>
                                        <p:tav tm="0">
                                          <p:val>
                                            <p:strVal val="#ppt_x"/>
                                          </p:val>
                                        </p:tav>
                                        <p:tav tm="100000">
                                          <p:val>
                                            <p:strVal val="#ppt_x"/>
                                          </p:val>
                                        </p:tav>
                                      </p:tavLst>
                                    </p:anim>
                                    <p:anim calcmode="lin" valueType="num">
                                      <p:cBhvr>
                                        <p:cTn dur="500" fill="hold" id="9"/>
                                        <p:tgtEl>
                                          <p:spTgt spid="14"/>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anim calcmode="lin" valueType="num">
                                      <p:cBhvr>
                                        <p:cTn dur="500" fill="hold" id="14"/>
                                        <p:tgtEl>
                                          <p:spTgt spid="15"/>
                                        </p:tgtEl>
                                        <p:attrNameLst>
                                          <p:attrName>ppt_x</p:attrName>
                                        </p:attrNameLst>
                                      </p:cBhvr>
                                      <p:tavLst>
                                        <p:tav tm="0">
                                          <p:val>
                                            <p:strVal val="#ppt_x"/>
                                          </p:val>
                                        </p:tav>
                                        <p:tav tm="100000">
                                          <p:val>
                                            <p:strVal val="#ppt_x"/>
                                          </p:val>
                                        </p:tav>
                                      </p:tavLst>
                                    </p:anim>
                                    <p:anim calcmode="lin" valueType="num">
                                      <p:cBhvr>
                                        <p:cTn dur="500" fill="hold" id="15"/>
                                        <p:tgtEl>
                                          <p:spTgt spid="1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6"/>
                                        </p:tgtEl>
                                        <p:attrNameLst>
                                          <p:attrName>style.visibility</p:attrName>
                                        </p:attrNameLst>
                                      </p:cBhvr>
                                      <p:to>
                                        <p:strVal val="visible"/>
                                      </p:to>
                                    </p:set>
                                    <p:animEffect filter="fade" transition="in">
                                      <p:cBhvr>
                                        <p:cTn dur="500" id="19"/>
                                        <p:tgtEl>
                                          <p:spTgt spid="16"/>
                                        </p:tgtEl>
                                      </p:cBhvr>
                                    </p:animEffect>
                                    <p:anim calcmode="lin" valueType="num">
                                      <p:cBhvr>
                                        <p:cTn dur="500" fill="hold" id="20"/>
                                        <p:tgtEl>
                                          <p:spTgt spid="16"/>
                                        </p:tgtEl>
                                        <p:attrNameLst>
                                          <p:attrName>ppt_x</p:attrName>
                                        </p:attrNameLst>
                                      </p:cBhvr>
                                      <p:tavLst>
                                        <p:tav tm="0">
                                          <p:val>
                                            <p:strVal val="#ppt_x"/>
                                          </p:val>
                                        </p:tav>
                                        <p:tav tm="100000">
                                          <p:val>
                                            <p:strVal val="#ppt_x"/>
                                          </p:val>
                                        </p:tav>
                                      </p:tavLst>
                                    </p:anim>
                                    <p:anim calcmode="lin" valueType="num">
                                      <p:cBhvr>
                                        <p:cTn dur="500" fill="hold" id="21"/>
                                        <p:tgtEl>
                                          <p:spTgt spid="16"/>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20"/>
                                        </p:tgtEl>
                                        <p:attrNameLst>
                                          <p:attrName>style.visibility</p:attrName>
                                        </p:attrNameLst>
                                      </p:cBhvr>
                                      <p:to>
                                        <p:strVal val="visible"/>
                                      </p:to>
                                    </p:set>
                                    <p:animEffect filter="fade" transition="in">
                                      <p:cBhvr>
                                        <p:cTn dur="500" id="25"/>
                                        <p:tgtEl>
                                          <p:spTgt spid="20"/>
                                        </p:tgtEl>
                                      </p:cBhvr>
                                    </p:animEffect>
                                    <p:anim calcmode="lin" valueType="num">
                                      <p:cBhvr>
                                        <p:cTn dur="500" fill="hold" id="26"/>
                                        <p:tgtEl>
                                          <p:spTgt spid="20"/>
                                        </p:tgtEl>
                                        <p:attrNameLst>
                                          <p:attrName>ppt_x</p:attrName>
                                        </p:attrNameLst>
                                      </p:cBhvr>
                                      <p:tavLst>
                                        <p:tav tm="0">
                                          <p:val>
                                            <p:strVal val="#ppt_x"/>
                                          </p:val>
                                        </p:tav>
                                        <p:tav tm="100000">
                                          <p:val>
                                            <p:strVal val="#ppt_x"/>
                                          </p:val>
                                        </p:tav>
                                      </p:tavLst>
                                    </p:anim>
                                    <p:anim calcmode="lin" valueType="num">
                                      <p:cBhvr>
                                        <p:cTn dur="500" fill="hold" id="27"/>
                                        <p:tgtEl>
                                          <p:spTgt spid="20"/>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1"/>
                                        </p:tgtEl>
                                        <p:attrNameLst>
                                          <p:attrName>style.visibility</p:attrName>
                                        </p:attrNameLst>
                                      </p:cBhvr>
                                      <p:to>
                                        <p:strVal val="visible"/>
                                      </p:to>
                                    </p:set>
                                    <p:animEffect filter="fade" transition="in">
                                      <p:cBhvr>
                                        <p:cTn dur="500" id="31"/>
                                        <p:tgtEl>
                                          <p:spTgt spid="21"/>
                                        </p:tgtEl>
                                      </p:cBhvr>
                                    </p:animEffect>
                                    <p:anim calcmode="lin" valueType="num">
                                      <p:cBhvr>
                                        <p:cTn dur="500" fill="hold" id="32"/>
                                        <p:tgtEl>
                                          <p:spTgt spid="21"/>
                                        </p:tgtEl>
                                        <p:attrNameLst>
                                          <p:attrName>ppt_x</p:attrName>
                                        </p:attrNameLst>
                                      </p:cBhvr>
                                      <p:tavLst>
                                        <p:tav tm="0">
                                          <p:val>
                                            <p:strVal val="#ppt_x"/>
                                          </p:val>
                                        </p:tav>
                                        <p:tav tm="100000">
                                          <p:val>
                                            <p:strVal val="#ppt_x"/>
                                          </p:val>
                                        </p:tav>
                                      </p:tavLst>
                                    </p:anim>
                                    <p:anim calcmode="lin" valueType="num">
                                      <p:cBhvr>
                                        <p:cTn dur="500" fill="hold" id="33"/>
                                        <p:tgtEl>
                                          <p:spTgt spid="21"/>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90dc4270f6c11f49fd1e7da7888b00bc">
            <a:r>
              <a:rPr lang="es-ES"/>
              <a:t>Lorsqu'aucun protocole n'est suivi…</a:t>
            </a:r>
            <a:endParaRPr dirty="0" lang="en-NO"/>
          </a:p>
        </p:txBody>
      </p:sp>
      <p:sp>
        <p:nvSpPr>
          <p:cNvPr id="25" name="TextBox 24">
            <a:extLst>
              <a:ext uri="{FF2B5EF4-FFF2-40B4-BE49-F238E27FC236}">
                <a16:creationId xmlns:a16="http://schemas.microsoft.com/office/drawing/2014/main" id="{6FFB11E4-E5EC-1E31-D33B-7B5659F2027B}"/>
              </a:ext>
            </a:extLst>
          </p:cNvPr>
          <p:cNvSpPr txBox="1"/>
          <p:nvPr/>
        </p:nvSpPr>
        <p:spPr>
          <a:xfrm>
            <a:off x="5133975" y="2805263"/>
            <a:ext cx="4514850" cy="1693733"/>
          </a:xfrm>
          <a:prstGeom prst="rect">
            <a:avLst/>
          </a:prstGeom>
          <a:noFill/>
        </p:spPr>
        <p:txBody>
          <a:bodyPr rtlCol="0" wrap="square">
            <a:spAutoFit/>
          </a:bodyPr>
          <a:lstStyle/>
          <a:p txid="9065d8c9f2dc646dd4559b410ff03068">
            <a:pPr algn="l" indent="-342900" marL="342900">
              <a:lnSpc>
                <a:spcPct val="150000"/>
              </a:lnSpc>
              <a:buClr>
                <a:srgbClr val="008CCF"/>
              </a:buClr>
              <a:buFont charset="-79" pitchFamily="2" typeface="Rubik"/>
              <a:buChar char="•"/>
            </a:pPr>
            <a:r>
              <a:rPr lang="es-ES" sz="2400"/>
              <a:t>Il est impossible de localiser les éléments</a:t>
            </a:r>
          </a:p>
          <a:p txid="c1198032d640c7c1d7175e86827387fc">
            <a:pPr algn="l" indent="-342900" marL="342900">
              <a:lnSpc>
                <a:spcPct val="150000"/>
              </a:lnSpc>
              <a:buClr>
                <a:srgbClr val="008CCF"/>
              </a:buClr>
              <a:buFont charset="-79" pitchFamily="2" typeface="Rubik"/>
              <a:buChar char="•"/>
            </a:pPr>
            <a:r>
              <a:rPr lang="es-ES" sz="2400"/>
              <a:t>Des doublons peuvent être créés</a:t>
            </a:r>
          </a:p>
          <a:p txid="ab40aeacd6f343f04586525f95d91fd8">
            <a:pPr algn="l" indent="-342900" marL="342900">
              <a:lnSpc>
                <a:spcPct val="150000"/>
              </a:lnSpc>
              <a:buClr>
                <a:srgbClr val="008CCF"/>
              </a:buClr>
              <a:buFont charset="-79" pitchFamily="2" typeface="Rubik"/>
              <a:buChar char="•"/>
            </a:pPr>
            <a:r>
              <a:rPr lang="es-ES" sz="2400"/>
              <a:t>Cela entraîne l'encombrement du système</a:t>
            </a:r>
          </a:p>
        </p:txBody>
      </p:sp>
      <p:pic>
        <p:nvPicPr>
          <p:cNvPr id="27" name="Graphic 26">
            <a:extLst>
              <a:ext uri="{FF2B5EF4-FFF2-40B4-BE49-F238E27FC236}">
                <a16:creationId xmlns:a16="http://schemas.microsoft.com/office/drawing/2014/main" id="{813494DF-54EB-7FB7-970E-A12B8B7086F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2942120" y="2889250"/>
            <a:ext cx="1464187" cy="1411460"/>
          </a:xfrm>
          <a:prstGeom prst="rect">
            <a:avLst/>
          </a:prstGeom>
        </p:spPr>
      </p:pic>
    </p:spTree>
    <p:custDataLst>
      <p:tags r:id="rId1"/>
    </p:custDataLst>
    <p:extLst>
      <p:ext uri="{BB962C8B-B14F-4D97-AF65-F5344CB8AC3E}">
        <p14:creationId xmlns:p14="http://schemas.microsoft.com/office/powerpoint/2010/main" val="2420012645"/>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24864" p14:dur="822" spd="slow">
        <p159:morph option="byObject"/>
      </p:transition>
    </mc:Choice>
    <mc:Fallback xmlns="">
      <p:transition advTm="2486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53" presetSubtype="16">
                                  <p:stCondLst>
                                    <p:cond delay="0"/>
                                  </p:stCondLst>
                                  <p:childTnLst>
                                    <p:set>
                                      <p:cBhvr>
                                        <p:cTn dur="1" fill="hold" id="6">
                                          <p:stCondLst>
                                            <p:cond delay="0"/>
                                          </p:stCondLst>
                                        </p:cTn>
                                        <p:tgtEl>
                                          <p:spTgt spid="27"/>
                                        </p:tgtEl>
                                        <p:attrNameLst>
                                          <p:attrName>style.visibility</p:attrName>
                                        </p:attrNameLst>
                                      </p:cBhvr>
                                      <p:to>
                                        <p:strVal val="visible"/>
                                      </p:to>
                                    </p:set>
                                    <p:anim calcmode="lin" valueType="num">
                                      <p:cBhvr>
                                        <p:cTn dur="500" fill="hold" id="7"/>
                                        <p:tgtEl>
                                          <p:spTgt spid="27"/>
                                        </p:tgtEl>
                                        <p:attrNameLst>
                                          <p:attrName>ppt_w</p:attrName>
                                        </p:attrNameLst>
                                      </p:cBhvr>
                                      <p:tavLst>
                                        <p:tav tm="0">
                                          <p:val>
                                            <p:fltVal val="0"/>
                                          </p:val>
                                        </p:tav>
                                        <p:tav tm="100000">
                                          <p:val>
                                            <p:strVal val="#ppt_w"/>
                                          </p:val>
                                        </p:tav>
                                      </p:tavLst>
                                    </p:anim>
                                    <p:anim calcmode="lin" valueType="num">
                                      <p:cBhvr>
                                        <p:cTn dur="500" fill="hold" id="8"/>
                                        <p:tgtEl>
                                          <p:spTgt spid="27"/>
                                        </p:tgtEl>
                                        <p:attrNameLst>
                                          <p:attrName>ppt_h</p:attrName>
                                        </p:attrNameLst>
                                      </p:cBhvr>
                                      <p:tavLst>
                                        <p:tav tm="0">
                                          <p:val>
                                            <p:fltVal val="0"/>
                                          </p:val>
                                        </p:tav>
                                        <p:tav tm="100000">
                                          <p:val>
                                            <p:strVal val="#ppt_h"/>
                                          </p:val>
                                        </p:tav>
                                      </p:tavLst>
                                    </p:anim>
                                    <p:animEffect filter="fade" transition="in">
                                      <p:cBhvr>
                                        <p:cTn dur="500" id="9"/>
                                        <p:tgtEl>
                                          <p:spTgt spid="27"/>
                                        </p:tgtEl>
                                      </p:cBhvr>
                                    </p:animEffect>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5">
                                            <p:txEl>
                                              <p:pRg end="0" st="0"/>
                                            </p:txEl>
                                          </p:spTgt>
                                        </p:tgtEl>
                                        <p:attrNameLst>
                                          <p:attrName>style.visibility</p:attrName>
                                        </p:attrNameLst>
                                      </p:cBhvr>
                                      <p:to>
                                        <p:strVal val="visible"/>
                                      </p:to>
                                    </p:set>
                                    <p:animEffect filter="fade" transition="in">
                                      <p:cBhvr>
                                        <p:cTn dur="500" id="14"/>
                                        <p:tgtEl>
                                          <p:spTgt spid="25">
                                            <p:txEl>
                                              <p:pRg end="0" st="0"/>
                                            </p:txEl>
                                          </p:spTgt>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25">
                                            <p:txEl>
                                              <p:pRg end="1" st="1"/>
                                            </p:txEl>
                                          </p:spTgt>
                                        </p:tgtEl>
                                        <p:attrNameLst>
                                          <p:attrName>style.visibility</p:attrName>
                                        </p:attrNameLst>
                                      </p:cBhvr>
                                      <p:to>
                                        <p:strVal val="visible"/>
                                      </p:to>
                                    </p:set>
                                    <p:animEffect filter="fade" transition="in">
                                      <p:cBhvr>
                                        <p:cTn dur="500" id="19"/>
                                        <p:tgtEl>
                                          <p:spTgt spid="25">
                                            <p:txEl>
                                              <p:pRg end="1" st="1"/>
                                            </p:txEl>
                                          </p:spTgt>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10" presetSubtype="0">
                                  <p:stCondLst>
                                    <p:cond delay="0"/>
                                  </p:stCondLst>
                                  <p:childTnLst>
                                    <p:set>
                                      <p:cBhvr>
                                        <p:cTn dur="1" fill="hold" id="23">
                                          <p:stCondLst>
                                            <p:cond delay="0"/>
                                          </p:stCondLst>
                                        </p:cTn>
                                        <p:tgtEl>
                                          <p:spTgt spid="25">
                                            <p:txEl>
                                              <p:pRg end="2" st="2"/>
                                            </p:txEl>
                                          </p:spTgt>
                                        </p:tgtEl>
                                        <p:attrNameLst>
                                          <p:attrName>style.visibility</p:attrName>
                                        </p:attrNameLst>
                                      </p:cBhvr>
                                      <p:to>
                                        <p:strVal val="visible"/>
                                      </p:to>
                                    </p:set>
                                    <p:animEffect filter="fade" transition="in">
                                      <p:cBhvr>
                                        <p:cTn dur="500" id="24"/>
                                        <p:tgtEl>
                                          <p:spTgt spid="25">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25"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90dc4270f6c11f49fd1e7da7888b00bc">
            <a:r>
              <a:rPr lang="es-ES"/>
              <a:t>Lorsqu'aucun protocole n'est suivi…</a:t>
            </a:r>
            <a:endParaRPr dirty="0" lang="en-NO"/>
          </a:p>
        </p:txBody>
      </p:sp>
      <p:pic>
        <p:nvPicPr>
          <p:cNvPr id="5" name="Graphic 4">
            <a:extLst>
              <a:ext uri="{FF2B5EF4-FFF2-40B4-BE49-F238E27FC236}">
                <a16:creationId xmlns:a16="http://schemas.microsoft.com/office/drawing/2014/main" id="{03FED23B-539E-C163-5785-6DD12F2459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3081821" y="1185690"/>
            <a:ext cx="714508" cy="688778"/>
          </a:xfrm>
          <a:prstGeom prst="rect">
            <a:avLst/>
          </a:prstGeom>
        </p:spPr>
      </p:pic>
      <p:pic>
        <p:nvPicPr>
          <p:cNvPr id="6" name="Graphic 5">
            <a:extLst>
              <a:ext uri="{FF2B5EF4-FFF2-40B4-BE49-F238E27FC236}">
                <a16:creationId xmlns:a16="http://schemas.microsoft.com/office/drawing/2014/main" id="{15EA4B06-586B-F115-B7A0-5CFDBBB76E1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8444131" y="1185690"/>
            <a:ext cx="714508" cy="688778"/>
          </a:xfrm>
          <a:prstGeom prst="rect">
            <a:avLst/>
          </a:prstGeom>
        </p:spPr>
      </p:pic>
      <p:pic>
        <p:nvPicPr>
          <p:cNvPr id="7" name="Graphic 6">
            <a:extLst>
              <a:ext uri="{FF2B5EF4-FFF2-40B4-BE49-F238E27FC236}">
                <a16:creationId xmlns:a16="http://schemas.microsoft.com/office/drawing/2014/main" id="{8675D904-4E9B-F48B-F8FF-89EBB66AF85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8444131" y="5622910"/>
            <a:ext cx="714508" cy="688778"/>
          </a:xfrm>
          <a:prstGeom prst="rect">
            <a:avLst/>
          </a:prstGeom>
        </p:spPr>
      </p:pic>
      <p:pic>
        <p:nvPicPr>
          <p:cNvPr id="8" name="Graphic 7">
            <a:extLst>
              <a:ext uri="{FF2B5EF4-FFF2-40B4-BE49-F238E27FC236}">
                <a16:creationId xmlns:a16="http://schemas.microsoft.com/office/drawing/2014/main" id="{218B6B7F-AE07-8F2F-785B-537CAA309F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3081821" y="5622910"/>
            <a:ext cx="714508" cy="688778"/>
          </a:xfrm>
          <a:prstGeom prst="rect">
            <a:avLst/>
          </a:prstGeom>
        </p:spPr>
      </p:pic>
      <p:pic>
        <p:nvPicPr>
          <p:cNvPr id="9" name="Graphic 8">
            <a:extLst>
              <a:ext uri="{FF2B5EF4-FFF2-40B4-BE49-F238E27FC236}">
                <a16:creationId xmlns:a16="http://schemas.microsoft.com/office/drawing/2014/main" id="{929FA30F-A99C-F835-BF72-020E5C12367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2022931" y="3261219"/>
            <a:ext cx="714508" cy="688778"/>
          </a:xfrm>
          <a:prstGeom prst="rect">
            <a:avLst/>
          </a:prstGeom>
        </p:spPr>
      </p:pic>
      <p:pic>
        <p:nvPicPr>
          <p:cNvPr id="10" name="Graphic 9">
            <a:extLst>
              <a:ext uri="{FF2B5EF4-FFF2-40B4-BE49-F238E27FC236}">
                <a16:creationId xmlns:a16="http://schemas.microsoft.com/office/drawing/2014/main" id="{C43A4D9C-3C19-A0D7-7A4B-15B4DB4822B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9460898" y="3259158"/>
            <a:ext cx="714508" cy="688778"/>
          </a:xfrm>
          <a:prstGeom prst="rect">
            <a:avLst/>
          </a:prstGeom>
        </p:spPr>
      </p:pic>
      <p:grpSp>
        <p:nvGrpSpPr>
          <p:cNvPr id="11" name="Group 10">
            <a:extLst>
              <a:ext uri="{FF2B5EF4-FFF2-40B4-BE49-F238E27FC236}">
                <a16:creationId xmlns:a16="http://schemas.microsoft.com/office/drawing/2014/main" id="{649FBC05-2A40-91E2-D476-D06BE079146D}"/>
              </a:ext>
            </a:extLst>
          </p:cNvPr>
          <p:cNvGrpSpPr/>
          <p:nvPr/>
        </p:nvGrpSpPr>
        <p:grpSpPr>
          <a:xfrm>
            <a:off x="3324889" y="2023840"/>
            <a:ext cx="5573040" cy="3348806"/>
            <a:chOff x="2603386" y="1817914"/>
            <a:chExt cx="6985227" cy="4197380"/>
          </a:xfrm>
        </p:grpSpPr>
        <p:sp>
          <p:nvSpPr>
            <p:cNvPr id="12" name="Freeform: Shape 11">
              <a:extLst>
                <a:ext uri="{FF2B5EF4-FFF2-40B4-BE49-F238E27FC236}">
                  <a16:creationId xmlns:a16="http://schemas.microsoft.com/office/drawing/2014/main" id="{64CBA0FC-E088-3957-1197-BF07EC1478F9}"/>
                </a:ext>
              </a:extLst>
            </p:cNvPr>
            <p:cNvSpPr/>
            <p:nvPr/>
          </p:nvSpPr>
          <p:spPr>
            <a:xfrm>
              <a:off x="3274483" y="1817914"/>
              <a:ext cx="5612348" cy="3840720"/>
            </a:xfrm>
            <a:custGeom>
              <a:avLst/>
              <a:gdLst>
                <a:gd fmla="*/ 102097 w 5612348" name="connsiteX0"/>
                <a:gd fmla="*/ 0 h 3840720" name="connsiteY0"/>
                <a:gd fmla="*/ 5510252 w 5612348" name="connsiteX1"/>
                <a:gd fmla="*/ 0 h 3840720" name="connsiteY1"/>
                <a:gd fmla="*/ 5612348 w 5612348" name="connsiteX2"/>
                <a:gd fmla="*/ 102097 h 3840720" name="connsiteY2"/>
                <a:gd fmla="*/ 5612348 w 5612348" name="connsiteX3"/>
                <a:gd fmla="*/ 3738624 h 3840720" name="connsiteY3"/>
                <a:gd fmla="*/ 5510252 w 5612348" name="connsiteX4"/>
                <a:gd fmla="*/ 3840721 h 3840720" name="connsiteY4"/>
                <a:gd fmla="*/ 102097 w 5612348" name="connsiteX5"/>
                <a:gd fmla="*/ 3840721 h 3840720" name="connsiteY5"/>
                <a:gd fmla="*/ 0 w 5612348" name="connsiteX6"/>
                <a:gd fmla="*/ 3738624 h 3840720" name="connsiteY6"/>
                <a:gd fmla="*/ 0 w 5612348" name="connsiteX7"/>
                <a:gd fmla="*/ 102097 h 3840720" name="connsiteY7"/>
                <a:gd fmla="*/ 102097 w 5612348" name="connsiteX8"/>
                <a:gd fmla="*/ 0 h 3840720"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840720" w="5612348">
                  <a:moveTo>
                    <a:pt x="102097" y="0"/>
                  </a:moveTo>
                  <a:lnTo>
                    <a:pt x="5510252" y="0"/>
                  </a:lnTo>
                  <a:cubicBezTo>
                    <a:pt x="5566391" y="0"/>
                    <a:pt x="5612348" y="45957"/>
                    <a:pt x="5612348" y="102097"/>
                  </a:cubicBezTo>
                  <a:lnTo>
                    <a:pt x="5612348" y="3738624"/>
                  </a:lnTo>
                  <a:cubicBezTo>
                    <a:pt x="5612348" y="3794764"/>
                    <a:pt x="5566391" y="3840721"/>
                    <a:pt x="5510252" y="3840721"/>
                  </a:cubicBezTo>
                  <a:lnTo>
                    <a:pt x="102097" y="3840721"/>
                  </a:lnTo>
                  <a:cubicBezTo>
                    <a:pt x="45957" y="3840721"/>
                    <a:pt x="0" y="3794764"/>
                    <a:pt x="0" y="3738624"/>
                  </a:cubicBezTo>
                  <a:lnTo>
                    <a:pt x="0" y="102097"/>
                  </a:lnTo>
                  <a:cubicBezTo>
                    <a:pt x="0" y="45957"/>
                    <a:pt x="45957" y="0"/>
                    <a:pt x="102097" y="0"/>
                  </a:cubicBezTo>
                  <a:close/>
                </a:path>
              </a:pathLst>
            </a:custGeom>
            <a:solidFill>
              <a:srgbClr val="093371"/>
            </a:solidFill>
            <a:ln cap="flat" w="678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1476D1C-00DB-99A2-0DF3-5227ECDC28FC}"/>
                </a:ext>
              </a:extLst>
            </p:cNvPr>
            <p:cNvSpPr/>
            <p:nvPr/>
          </p:nvSpPr>
          <p:spPr>
            <a:xfrm>
              <a:off x="3487706" y="2033308"/>
              <a:ext cx="5220048" cy="3437559"/>
            </a:xfrm>
            <a:custGeom>
              <a:avLst/>
              <a:gdLst>
                <a:gd fmla="*/ 58108 w 5220048" name="connsiteX0"/>
                <a:gd fmla="*/ 0 h 3437559" name="connsiteY0"/>
                <a:gd fmla="*/ 5161940 w 5220048" name="connsiteX1"/>
                <a:gd fmla="*/ 0 h 3437559" name="connsiteY1"/>
                <a:gd fmla="*/ 5220049 w 5220048" name="connsiteX2"/>
                <a:gd fmla="*/ 58584 h 3437559" name="connsiteY2"/>
                <a:gd fmla="*/ 5220049 w 5220048" name="connsiteX3"/>
                <a:gd fmla="*/ 3378976 h 3437559" name="connsiteY3"/>
                <a:gd fmla="*/ 5161940 w 5220048" name="connsiteX4"/>
                <a:gd fmla="*/ 3437560 h 3437559" name="connsiteY4"/>
                <a:gd fmla="*/ 58108 w 5220048" name="connsiteX5"/>
                <a:gd fmla="*/ 3437560 h 3437559" name="connsiteY5"/>
                <a:gd fmla="*/ 0 w 5220048" name="connsiteX6"/>
                <a:gd fmla="*/ 3378976 h 3437559" name="connsiteY6"/>
                <a:gd fmla="*/ 0 w 5220048" name="connsiteX7"/>
                <a:gd fmla="*/ 58584 h 3437559" name="connsiteY7"/>
                <a:gd fmla="*/ 58108 w 5220048" name="connsiteX8"/>
                <a:gd fmla="*/ 0 h 343755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437559" w="5220048">
                  <a:moveTo>
                    <a:pt x="58108" y="0"/>
                  </a:moveTo>
                  <a:lnTo>
                    <a:pt x="5161940" y="0"/>
                  </a:lnTo>
                  <a:cubicBezTo>
                    <a:pt x="5194049" y="0"/>
                    <a:pt x="5220049" y="26203"/>
                    <a:pt x="5220049" y="58584"/>
                  </a:cubicBezTo>
                  <a:lnTo>
                    <a:pt x="5220049" y="3378976"/>
                  </a:lnTo>
                  <a:cubicBezTo>
                    <a:pt x="5220049" y="3411357"/>
                    <a:pt x="5194049" y="3437560"/>
                    <a:pt x="5161940" y="3437560"/>
                  </a:cubicBezTo>
                  <a:lnTo>
                    <a:pt x="58108" y="3437560"/>
                  </a:lnTo>
                  <a:cubicBezTo>
                    <a:pt x="25999" y="3437560"/>
                    <a:pt x="0" y="3411357"/>
                    <a:pt x="0" y="3378976"/>
                  </a:cubicBezTo>
                  <a:lnTo>
                    <a:pt x="0" y="58584"/>
                  </a:lnTo>
                  <a:cubicBezTo>
                    <a:pt x="0" y="26203"/>
                    <a:pt x="25999" y="0"/>
                    <a:pt x="58108" y="0"/>
                  </a:cubicBezTo>
                  <a:close/>
                </a:path>
              </a:pathLst>
            </a:custGeom>
            <a:solidFill>
              <a:srgbClr val="FFFFFF"/>
            </a:solidFill>
            <a:ln cap="flat" w="6785">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9D657969-5059-5500-B43C-63C57D867C9E}"/>
                </a:ext>
              </a:extLst>
            </p:cNvPr>
            <p:cNvSpPr/>
            <p:nvPr/>
          </p:nvSpPr>
          <p:spPr>
            <a:xfrm rot="21573000">
              <a:off x="6037812" y="1881489"/>
              <a:ext cx="87434" cy="87434"/>
            </a:xfrm>
            <a:custGeom>
              <a:avLst/>
              <a:gdLst>
                <a:gd fmla="*/ 87434 w 87434" name="connsiteX0"/>
                <a:gd fmla="*/ 43717 h 87434" name="connsiteY0"/>
                <a:gd fmla="*/ 43717 w 87434" name="connsiteX1"/>
                <a:gd fmla="*/ 87434 h 87434" name="connsiteY1"/>
                <a:gd fmla="*/ 0 w 87434" name="connsiteX2"/>
                <a:gd fmla="*/ 43717 h 87434" name="connsiteY2"/>
                <a:gd fmla="*/ 43717 w 87434" name="connsiteX3"/>
                <a:gd fmla="*/ 0 h 87434" name="connsiteY3"/>
                <a:gd fmla="*/ 87434 w 87434" name="connsiteX4"/>
                <a:gd fmla="*/ 43717 h 874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87434" w="87434">
                  <a:moveTo>
                    <a:pt x="87434" y="43717"/>
                  </a:moveTo>
                  <a:cubicBezTo>
                    <a:pt x="87434" y="67861"/>
                    <a:pt x="67861" y="87434"/>
                    <a:pt x="43717" y="87434"/>
                  </a:cubicBezTo>
                  <a:cubicBezTo>
                    <a:pt x="19573" y="87434"/>
                    <a:pt x="0" y="67861"/>
                    <a:pt x="0" y="43717"/>
                  </a:cubicBezTo>
                  <a:cubicBezTo>
                    <a:pt x="0" y="19573"/>
                    <a:pt x="19573" y="0"/>
                    <a:pt x="43717" y="0"/>
                  </a:cubicBezTo>
                  <a:cubicBezTo>
                    <a:pt x="67861" y="0"/>
                    <a:pt x="87434" y="19573"/>
                    <a:pt x="87434" y="43717"/>
                  </a:cubicBezTo>
                  <a:close/>
                </a:path>
              </a:pathLst>
            </a:custGeom>
            <a:solidFill>
              <a:srgbClr val="FF8F02"/>
            </a:solidFill>
            <a:ln cap="flat" w="6785">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5A53022-8E0F-48D6-CC2E-628E6F4CBD63}"/>
                </a:ext>
              </a:extLst>
            </p:cNvPr>
            <p:cNvSpPr/>
            <p:nvPr/>
          </p:nvSpPr>
          <p:spPr>
            <a:xfrm>
              <a:off x="2603386" y="5775258"/>
              <a:ext cx="6985227" cy="240036"/>
            </a:xfrm>
            <a:custGeom>
              <a:avLst/>
              <a:gdLst>
                <a:gd fmla="*/ 6982241 w 6985227" name="connsiteX0"/>
                <a:gd fmla="*/ 0 h 240036" name="connsiteY0"/>
                <a:gd fmla="*/ 3990337 w 6985227" name="connsiteX1"/>
                <a:gd fmla="*/ 0 h 240036" name="connsiteY1"/>
                <a:gd fmla="*/ 3922656 w 6985227" name="connsiteX2"/>
                <a:gd fmla="*/ 109089 h 240036" name="connsiteY2"/>
                <a:gd fmla="*/ 3055918 w 6985227" name="connsiteX3"/>
                <a:gd fmla="*/ 109089 h 240036" name="connsiteY3"/>
                <a:gd fmla="*/ 2988238 w 6985227" name="connsiteX4"/>
                <a:gd fmla="*/ 0 h 240036" name="connsiteY4"/>
                <a:gd fmla="*/ 2987 w 6985227" name="connsiteX5"/>
                <a:gd fmla="*/ 0 h 240036" name="connsiteY5"/>
                <a:gd fmla="*/ 0 w 6985227" name="connsiteX6"/>
                <a:gd fmla="*/ 5974 h 240036" name="connsiteY6"/>
                <a:gd fmla="*/ 396101 w 6985227" name="connsiteX7"/>
                <a:gd fmla="*/ 240036 h 240036" name="connsiteY7"/>
                <a:gd fmla="*/ 6589126 w 6985227" name="connsiteX8"/>
                <a:gd fmla="*/ 240036 h 240036" name="connsiteY8"/>
                <a:gd fmla="*/ 6985227 w 6985227" name="connsiteX9"/>
                <a:gd fmla="*/ 5974 h 240036" name="connsiteY9"/>
                <a:gd fmla="*/ 6982241 w 6985227" name="connsiteX10"/>
                <a:gd fmla="*/ 0 h 240036"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240036" w="6985227">
                  <a:moveTo>
                    <a:pt x="6982241" y="0"/>
                  </a:moveTo>
                  <a:lnTo>
                    <a:pt x="3990337" y="0"/>
                  </a:lnTo>
                  <a:cubicBezTo>
                    <a:pt x="3988979" y="71685"/>
                    <a:pt x="3959110" y="109089"/>
                    <a:pt x="3922656" y="109089"/>
                  </a:cubicBezTo>
                  <a:lnTo>
                    <a:pt x="3055918" y="109089"/>
                  </a:lnTo>
                  <a:cubicBezTo>
                    <a:pt x="3019465" y="109089"/>
                    <a:pt x="2989528" y="71617"/>
                    <a:pt x="2988238" y="0"/>
                  </a:cubicBezTo>
                  <a:lnTo>
                    <a:pt x="2987" y="0"/>
                  </a:lnTo>
                  <a:cubicBezTo>
                    <a:pt x="1358" y="0"/>
                    <a:pt x="0" y="2715"/>
                    <a:pt x="0" y="5974"/>
                  </a:cubicBezTo>
                  <a:cubicBezTo>
                    <a:pt x="0" y="117575"/>
                    <a:pt x="248522" y="215327"/>
                    <a:pt x="396101" y="240036"/>
                  </a:cubicBezTo>
                  <a:lnTo>
                    <a:pt x="6589126" y="240036"/>
                  </a:lnTo>
                  <a:cubicBezTo>
                    <a:pt x="6736705" y="215327"/>
                    <a:pt x="6985227" y="117575"/>
                    <a:pt x="6985227" y="5974"/>
                  </a:cubicBezTo>
                  <a:cubicBezTo>
                    <a:pt x="6985227" y="2715"/>
                    <a:pt x="6983870" y="0"/>
                    <a:pt x="6982241" y="0"/>
                  </a:cubicBezTo>
                  <a:close/>
                </a:path>
              </a:pathLst>
            </a:custGeom>
            <a:solidFill>
              <a:srgbClr val="093371"/>
            </a:solidFill>
            <a:ln cap="flat" w="6785">
              <a:noFill/>
              <a:prstDash val="solid"/>
              <a:miter/>
            </a:ln>
          </p:spPr>
          <p:txBody>
            <a:bodyPr anchor="ctr" rtlCol="0"/>
            <a:lstStyle/>
            <a:p>
              <a:endParaRPr lang="es-ES"/>
            </a:p>
          </p:txBody>
        </p:sp>
      </p:grpSp>
      <p:pic>
        <p:nvPicPr>
          <p:cNvPr id="16" name="Graphic 15">
            <a:extLst>
              <a:ext uri="{FF2B5EF4-FFF2-40B4-BE49-F238E27FC236}">
                <a16:creationId xmlns:a16="http://schemas.microsoft.com/office/drawing/2014/main" id="{93B66E82-4D6F-D67B-E12B-6C5AF56D9EA8}"/>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4671178" y="2890908"/>
            <a:ext cx="2805022" cy="1495298"/>
          </a:xfrm>
          <a:prstGeom prst="rect">
            <a:avLst/>
          </a:prstGeom>
        </p:spPr>
      </p:pic>
      <p:grpSp>
        <p:nvGrpSpPr>
          <p:cNvPr id="17" name="Group 16">
            <a:extLst>
              <a:ext uri="{FF2B5EF4-FFF2-40B4-BE49-F238E27FC236}">
                <a16:creationId xmlns:a16="http://schemas.microsoft.com/office/drawing/2014/main" id="{EBE4F95D-7D04-A3A0-B33A-798305F5F1A3}"/>
              </a:ext>
            </a:extLst>
          </p:cNvPr>
          <p:cNvGrpSpPr/>
          <p:nvPr/>
        </p:nvGrpSpPr>
        <p:grpSpPr>
          <a:xfrm>
            <a:off x="4671977" y="2891301"/>
            <a:ext cx="2803425" cy="1494512"/>
            <a:chOff x="4777937" y="5166836"/>
            <a:chExt cx="2803425" cy="1494512"/>
          </a:xfrm>
        </p:grpSpPr>
        <p:grpSp>
          <p:nvGrpSpPr>
            <p:cNvPr id="18" name="Graphic 24">
              <a:extLst>
                <a:ext uri="{FF2B5EF4-FFF2-40B4-BE49-F238E27FC236}">
                  <a16:creationId xmlns:a16="http://schemas.microsoft.com/office/drawing/2014/main" id="{42B8A59F-D403-A1B5-04C5-01EA53CF559B}"/>
                </a:ext>
              </a:extLst>
            </p:cNvPr>
            <p:cNvGrpSpPr/>
            <p:nvPr/>
          </p:nvGrpSpPr>
          <p:grpSpPr>
            <a:xfrm>
              <a:off x="4777937" y="5166836"/>
              <a:ext cx="2803425" cy="1494512"/>
              <a:chOff x="517539" y="4386965"/>
              <a:chExt cx="2803425" cy="1494512"/>
            </a:xfrm>
          </p:grpSpPr>
          <p:sp>
            <p:nvSpPr>
              <p:cNvPr id="24" name="Freeform: Shape 23">
                <a:extLst>
                  <a:ext uri="{FF2B5EF4-FFF2-40B4-BE49-F238E27FC236}">
                    <a16:creationId xmlns:a16="http://schemas.microsoft.com/office/drawing/2014/main" id="{BB61BE59-6AEE-E956-C0B8-C07C0CCF23AC}"/>
                  </a:ext>
                </a:extLst>
              </p:cNvPr>
              <p:cNvSpPr/>
              <p:nvPr/>
            </p:nvSpPr>
            <p:spPr>
              <a:xfrm>
                <a:off x="2450693" y="4903761"/>
                <a:ext cx="442504" cy="442504"/>
              </a:xfrm>
              <a:custGeom>
                <a:avLst/>
                <a:gdLst>
                  <a:gd fmla="*/ 64799 w 442504" name="connsiteX0"/>
                  <a:gd fmla="*/ 64799 h 442504" name="connsiteY0"/>
                  <a:gd fmla="*/ 64799 w 442504" name="connsiteX1"/>
                  <a:gd fmla="*/ 377706 h 442504" name="connsiteY1"/>
                  <a:gd fmla="*/ 377706 w 442504" name="connsiteX2"/>
                  <a:gd fmla="*/ 377706 h 442504" name="connsiteY2"/>
                  <a:gd fmla="*/ 377706 w 442504" name="connsiteX3"/>
                  <a:gd fmla="*/ 64799 h 442504" name="connsiteY3"/>
                  <a:gd fmla="*/ 64799 w 442504" name="connsiteX4"/>
                  <a:gd fmla="*/ 64799 h 442504" name="connsiteY4"/>
                  <a:gd fmla="*/ 152768 w 442504" name="connsiteX5"/>
                  <a:gd fmla="*/ 289023 h 442504" name="connsiteY5"/>
                  <a:gd fmla="*/ 152768 w 442504" name="connsiteX6"/>
                  <a:gd fmla="*/ 153875 h 442504" name="connsiteY6"/>
                  <a:gd fmla="*/ 287916 w 442504" name="connsiteX7"/>
                  <a:gd fmla="*/ 153875 h 442504" name="connsiteY7"/>
                  <a:gd fmla="*/ 287916 w 442504" name="connsiteX8"/>
                  <a:gd fmla="*/ 289023 h 442504" name="connsiteY8"/>
                  <a:gd fmla="*/ 152768 w 442504" name="connsiteX9"/>
                  <a:gd fmla="*/ 289023 h 442504"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42504" w="442504">
                    <a:moveTo>
                      <a:pt x="64799" y="64799"/>
                    </a:moveTo>
                    <a:cubicBezTo>
                      <a:pt x="-21600" y="151198"/>
                      <a:pt x="-21600" y="291307"/>
                      <a:pt x="64799" y="377706"/>
                    </a:cubicBezTo>
                    <a:cubicBezTo>
                      <a:pt x="151198" y="464104"/>
                      <a:pt x="291307" y="464104"/>
                      <a:pt x="377706" y="377706"/>
                    </a:cubicBezTo>
                    <a:cubicBezTo>
                      <a:pt x="464104" y="291307"/>
                      <a:pt x="464104" y="151198"/>
                      <a:pt x="377706" y="64799"/>
                    </a:cubicBezTo>
                    <a:cubicBezTo>
                      <a:pt x="291307" y="-21600"/>
                      <a:pt x="151198" y="-21600"/>
                      <a:pt x="64799" y="64799"/>
                    </a:cubicBezTo>
                    <a:close/>
                    <a:moveTo>
                      <a:pt x="152768" y="289023"/>
                    </a:moveTo>
                    <a:cubicBezTo>
                      <a:pt x="115439" y="251694"/>
                      <a:pt x="115439" y="191204"/>
                      <a:pt x="152768" y="153875"/>
                    </a:cubicBezTo>
                    <a:cubicBezTo>
                      <a:pt x="190097" y="116546"/>
                      <a:pt x="250587" y="116546"/>
                      <a:pt x="287916" y="153875"/>
                    </a:cubicBezTo>
                    <a:cubicBezTo>
                      <a:pt x="325245" y="191204"/>
                      <a:pt x="325245" y="251694"/>
                      <a:pt x="287916" y="289023"/>
                    </a:cubicBezTo>
                    <a:cubicBezTo>
                      <a:pt x="250587" y="326351"/>
                      <a:pt x="190097" y="326351"/>
                      <a:pt x="152768" y="289023"/>
                    </a:cubicBezTo>
                    <a:close/>
                  </a:path>
                </a:pathLst>
              </a:custGeom>
              <a:solidFill>
                <a:schemeClr val="tx2"/>
              </a:solidFill>
              <a:ln cap="flat" w="3563">
                <a:noFill/>
                <a:prstDash val="solid"/>
                <a:miter/>
              </a:ln>
            </p:spPr>
            <p:txBody>
              <a:bodyPr anchor="ctr" rtlCol="0"/>
              <a:lstStyle/>
              <a:p>
                <a:endParaRPr lang="es-ES"/>
              </a:p>
            </p:txBody>
          </p:sp>
          <p:sp>
            <p:nvSpPr>
              <p:cNvPr id="26" name="Freeform: Shape 25">
                <a:extLst>
                  <a:ext uri="{FF2B5EF4-FFF2-40B4-BE49-F238E27FC236}">
                    <a16:creationId xmlns:a16="http://schemas.microsoft.com/office/drawing/2014/main" id="{A94AAF93-9406-0780-1635-7130DC3C36C7}"/>
                  </a:ext>
                </a:extLst>
              </p:cNvPr>
              <p:cNvSpPr/>
              <p:nvPr/>
            </p:nvSpPr>
            <p:spPr>
              <a:xfrm>
                <a:off x="2456465" y="5034689"/>
                <a:ext cx="17629" cy="64522"/>
              </a:xfrm>
              <a:custGeom>
                <a:avLst/>
                <a:gdLst>
                  <a:gd fmla="*/ 0 w 17629" name="connsiteX0"/>
                  <a:gd fmla="*/ 64523 h 64522" name="connsiteY0"/>
                  <a:gd fmla="*/ 17630 w 17629" name="connsiteX1"/>
                  <a:gd fmla="*/ 0 h 64522" name="connsiteY1"/>
                  <a:gd fmla="*/ 0 w 17629" name="connsiteX2"/>
                  <a:gd fmla="*/ 64523 h 64522" name="connsiteY2"/>
                  <a:gd fmla="*/ 0 w 17629" name="connsiteX3"/>
                  <a:gd fmla="*/ 64523 h 64522" name="connsiteY3"/>
                </a:gdLst>
                <a:ahLst/>
                <a:cxnLst>
                  <a:cxn ang="0">
                    <a:pos x="connsiteX0" y="connsiteY0"/>
                  </a:cxn>
                  <a:cxn ang="0">
                    <a:pos x="connsiteX1" y="connsiteY1"/>
                  </a:cxn>
                  <a:cxn ang="0">
                    <a:pos x="connsiteX2" y="connsiteY2"/>
                  </a:cxn>
                  <a:cxn ang="0">
                    <a:pos x="connsiteX3" y="connsiteY3"/>
                  </a:cxn>
                </a:cxnLst>
                <a:rect b="b" l="l" r="r" t="t"/>
                <a:pathLst>
                  <a:path h="64522" w="17629">
                    <a:moveTo>
                      <a:pt x="0" y="64523"/>
                    </a:moveTo>
                    <a:cubicBezTo>
                      <a:pt x="2498" y="42432"/>
                      <a:pt x="8386" y="20627"/>
                      <a:pt x="17630" y="0"/>
                    </a:cubicBezTo>
                    <a:cubicBezTo>
                      <a:pt x="8386" y="20627"/>
                      <a:pt x="2498" y="42432"/>
                      <a:pt x="0" y="64523"/>
                    </a:cubicBezTo>
                    <a:lnTo>
                      <a:pt x="0" y="64523"/>
                    </a:lnTo>
                    <a:close/>
                  </a:path>
                </a:pathLst>
              </a:custGeom>
              <a:noFill/>
              <a:ln cap="flat" w="3563">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5BAB4249-4A59-02CA-E50C-711BA6B8F776}"/>
                  </a:ext>
                </a:extLst>
              </p:cNvPr>
              <p:cNvSpPr/>
              <p:nvPr/>
            </p:nvSpPr>
            <p:spPr>
              <a:xfrm>
                <a:off x="517539" y="4386965"/>
                <a:ext cx="2803425" cy="1494512"/>
              </a:xfrm>
              <a:custGeom>
                <a:avLst/>
                <a:gdLst>
                  <a:gd fmla="*/ 0 w 2803425" name="connsiteX0"/>
                  <a:gd fmla="*/ 108668 h 1494512" name="connsiteY0"/>
                  <a:gd fmla="*/ 0 w 2803425" name="connsiteX1"/>
                  <a:gd fmla="*/ 1378065 h 1494512" name="connsiteY1"/>
                  <a:gd fmla="*/ 108632 w 2803425" name="connsiteX2"/>
                  <a:gd fmla="*/ 1486697 h 1494512" name="connsiteY2"/>
                  <a:gd fmla="*/ 169622 w 2803425" name="connsiteX3"/>
                  <a:gd fmla="*/ 1486947 h 1494512" name="connsiteY3"/>
                  <a:gd fmla="*/ 1486697 w 2803425" name="connsiteX4"/>
                  <a:gd fmla="*/ 1492265 h 1494512" name="connsiteY4"/>
                  <a:gd fmla="*/ 1567351 w 2803425" name="connsiteX5"/>
                  <a:gd fmla="*/ 1492586 h 1494512" name="connsiteY5"/>
                  <a:gd fmla="*/ 2040029 w 2803425" name="connsiteX6"/>
                  <a:gd fmla="*/ 1494513 h 1494512" name="connsiteY6"/>
                  <a:gd fmla="*/ 2051699 w 2803425" name="connsiteX7"/>
                  <a:gd fmla="*/ 1493871 h 1494512" name="connsiteY7"/>
                  <a:gd fmla="*/ 2063154 w 2803425" name="connsiteX8"/>
                  <a:gd fmla="*/ 1492015 h 1494512" name="connsiteY8"/>
                  <a:gd fmla="*/ 2084995 w 2803425" name="connsiteX9"/>
                  <a:gd fmla="*/ 1484770 h 1494512" name="connsiteY9"/>
                  <a:gd fmla="*/ 2100091 w 2803425" name="connsiteX10"/>
                  <a:gd fmla="*/ 1476384 h 1494512" name="connsiteY10"/>
                  <a:gd fmla="*/ 2113759 w 2803425" name="connsiteX11"/>
                  <a:gd fmla="*/ 1465642 h 1494512" name="connsiteY11"/>
                  <a:gd fmla="*/ 2117934 w 2803425" name="connsiteX12"/>
                  <a:gd fmla="*/ 1461574 h 1494512" name="connsiteY12"/>
                  <a:gd fmla="*/ 2121896 w 2803425" name="connsiteX13"/>
                  <a:gd fmla="*/ 1457255 h 1494512" name="connsiteY13"/>
                  <a:gd fmla="*/ 2121896 w 2803425" name="connsiteX14"/>
                  <a:gd fmla="*/ 1457255 h 1494512" name="connsiteY14"/>
                  <a:gd fmla="*/ 2389658 w 2803425" name="connsiteX15"/>
                  <a:gd fmla="*/ 1199593 h 1494512" name="connsiteY15"/>
                  <a:gd fmla="*/ 2450183 w 2803425" name="connsiteX16"/>
                  <a:gd fmla="*/ 1141351 h 1494512" name="connsiteY16"/>
                  <a:gd fmla="*/ 2700815 w 2803425" name="connsiteX17"/>
                  <a:gd fmla="*/ 900177 h 1494512" name="connsiteY17"/>
                  <a:gd fmla="*/ 2776651 w 2803425" name="connsiteX18"/>
                  <a:gd fmla="*/ 827196 h 1494512" name="connsiteY18"/>
                  <a:gd fmla="*/ 2778863 w 2803425" name="connsiteX19"/>
                  <a:gd fmla="*/ 686981 h 1494512" name="connsiteY19"/>
                  <a:gd fmla="*/ 2137455 w 2803425" name="connsiteX20"/>
                  <a:gd fmla="*/ 47643 h 1494512" name="connsiteY20"/>
                  <a:gd fmla="*/ 2053376 w 2803425" name="connsiteX21"/>
                  <a:gd fmla="*/ 7780 h 1494512" name="connsiteY21"/>
                  <a:gd fmla="*/ 174832 w 2803425" name="connsiteX22"/>
                  <a:gd fmla="*/ 250 h 1494512" name="connsiteY22"/>
                  <a:gd fmla="*/ 108668 w 2803425" name="connsiteX23"/>
                  <a:gd fmla="*/ 0 h 1494512" name="connsiteY23"/>
                  <a:gd fmla="*/ 0 w 2803425" name="connsiteX24"/>
                  <a:gd fmla="*/ 108668 h 1494512" name="connsiteY24"/>
                  <a:gd fmla="*/ 1997954 w 2803425" name="connsiteX25"/>
                  <a:gd fmla="*/ 894502 h 1494512" name="connsiteY25"/>
                  <a:gd fmla="*/ 1997954 w 2803425" name="connsiteX26"/>
                  <a:gd fmla="*/ 581596 h 1494512" name="connsiteY26"/>
                  <a:gd fmla="*/ 2310860 w 2803425" name="connsiteX27"/>
                  <a:gd fmla="*/ 581596 h 1494512" name="connsiteY27"/>
                  <a:gd fmla="*/ 2310860 w 2803425" name="connsiteX28"/>
                  <a:gd fmla="*/ 894502 h 1494512" name="connsiteY28"/>
                  <a:gd fmla="*/ 1997954 w 2803425" name="connsiteX29"/>
                  <a:gd fmla="*/ 894502 h 1494512"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1494512" w="2803425">
                    <a:moveTo>
                      <a:pt x="0" y="108668"/>
                    </a:moveTo>
                    <a:lnTo>
                      <a:pt x="0" y="1378065"/>
                    </a:lnTo>
                    <a:cubicBezTo>
                      <a:pt x="0" y="1438056"/>
                      <a:pt x="48642" y="1486733"/>
                      <a:pt x="108632" y="1486697"/>
                    </a:cubicBezTo>
                    <a:lnTo>
                      <a:pt x="169622" y="1486947"/>
                    </a:lnTo>
                    <a:lnTo>
                      <a:pt x="1486697" y="1492265"/>
                    </a:lnTo>
                    <a:lnTo>
                      <a:pt x="1567351" y="1492586"/>
                    </a:lnTo>
                    <a:lnTo>
                      <a:pt x="2040029" y="1494513"/>
                    </a:lnTo>
                    <a:cubicBezTo>
                      <a:pt x="2043955" y="1494513"/>
                      <a:pt x="2047845" y="1494299"/>
                      <a:pt x="2051699" y="1493871"/>
                    </a:cubicBezTo>
                    <a:cubicBezTo>
                      <a:pt x="2055553" y="1493442"/>
                      <a:pt x="2059372" y="1492836"/>
                      <a:pt x="2063154" y="1492015"/>
                    </a:cubicBezTo>
                    <a:cubicBezTo>
                      <a:pt x="2070684" y="1490373"/>
                      <a:pt x="2078000" y="1487946"/>
                      <a:pt x="2084995" y="1484770"/>
                    </a:cubicBezTo>
                    <a:cubicBezTo>
                      <a:pt x="2090241" y="1482379"/>
                      <a:pt x="2095273" y="1479596"/>
                      <a:pt x="2100091" y="1476384"/>
                    </a:cubicBezTo>
                    <a:cubicBezTo>
                      <a:pt x="2104909" y="1473172"/>
                      <a:pt x="2109477" y="1469603"/>
                      <a:pt x="2113759" y="1465642"/>
                    </a:cubicBezTo>
                    <a:cubicBezTo>
                      <a:pt x="2115187" y="1464322"/>
                      <a:pt x="2116578" y="1462965"/>
                      <a:pt x="2117934" y="1461574"/>
                    </a:cubicBezTo>
                    <a:cubicBezTo>
                      <a:pt x="2119291" y="1460182"/>
                      <a:pt x="2120611" y="1458754"/>
                      <a:pt x="2121896" y="1457255"/>
                    </a:cubicBezTo>
                    <a:lnTo>
                      <a:pt x="2121896" y="1457255"/>
                    </a:lnTo>
                    <a:lnTo>
                      <a:pt x="2389658" y="1199593"/>
                    </a:lnTo>
                    <a:lnTo>
                      <a:pt x="2450183" y="1141351"/>
                    </a:lnTo>
                    <a:lnTo>
                      <a:pt x="2700815" y="900177"/>
                    </a:lnTo>
                    <a:lnTo>
                      <a:pt x="2776651" y="827196"/>
                    </a:lnTo>
                    <a:cubicBezTo>
                      <a:pt x="2811482" y="787262"/>
                      <a:pt x="2812445" y="727985"/>
                      <a:pt x="2778863" y="686981"/>
                    </a:cubicBezTo>
                    <a:lnTo>
                      <a:pt x="2137455" y="47643"/>
                    </a:lnTo>
                    <a:cubicBezTo>
                      <a:pt x="2116828" y="22412"/>
                      <a:pt x="2085959" y="7780"/>
                      <a:pt x="2053376" y="7780"/>
                    </a:cubicBezTo>
                    <a:lnTo>
                      <a:pt x="174832" y="250"/>
                    </a:lnTo>
                    <a:lnTo>
                      <a:pt x="108668" y="0"/>
                    </a:lnTo>
                    <a:cubicBezTo>
                      <a:pt x="48642" y="0"/>
                      <a:pt x="0" y="48642"/>
                      <a:pt x="0" y="108668"/>
                    </a:cubicBezTo>
                    <a:close/>
                    <a:moveTo>
                      <a:pt x="1997954" y="894502"/>
                    </a:moveTo>
                    <a:cubicBezTo>
                      <a:pt x="1911555" y="808103"/>
                      <a:pt x="1911555" y="667995"/>
                      <a:pt x="1997954" y="581596"/>
                    </a:cubicBezTo>
                    <a:cubicBezTo>
                      <a:pt x="2084353" y="495197"/>
                      <a:pt x="2224461" y="495197"/>
                      <a:pt x="2310860" y="581596"/>
                    </a:cubicBezTo>
                    <a:cubicBezTo>
                      <a:pt x="2397259" y="667995"/>
                      <a:pt x="2397259" y="808103"/>
                      <a:pt x="2310860" y="894502"/>
                    </a:cubicBezTo>
                    <a:cubicBezTo>
                      <a:pt x="2224461" y="980901"/>
                      <a:pt x="2084353" y="980901"/>
                      <a:pt x="1997954" y="894502"/>
                    </a:cubicBezTo>
                    <a:close/>
                  </a:path>
                </a:pathLst>
              </a:custGeom>
              <a:solidFill>
                <a:schemeClr val="accent2"/>
              </a:solidFill>
              <a:ln cap="flat" w="3563">
                <a:noFill/>
                <a:prstDash val="solid"/>
                <a:miter/>
              </a:ln>
            </p:spPr>
            <p:txBody>
              <a:bodyPr anchor="ctr" rtlCol="0"/>
              <a:lstStyle/>
              <a:p>
                <a:endParaRPr lang="es-ES"/>
              </a:p>
            </p:txBody>
          </p:sp>
        </p:grpSp>
        <p:grpSp>
          <p:nvGrpSpPr>
            <p:cNvPr id="19" name="Graphic 24">
              <a:extLst>
                <a:ext uri="{FF2B5EF4-FFF2-40B4-BE49-F238E27FC236}">
                  <a16:creationId xmlns:a16="http://schemas.microsoft.com/office/drawing/2014/main" id="{08AD3A2F-6E66-6CD0-E47B-365675AEC5C0}"/>
                </a:ext>
              </a:extLst>
            </p:cNvPr>
            <p:cNvGrpSpPr/>
            <p:nvPr/>
          </p:nvGrpSpPr>
          <p:grpSpPr>
            <a:xfrm>
              <a:off x="5337335" y="5476922"/>
              <a:ext cx="874338" cy="874338"/>
              <a:chOff x="1076937" y="4697051"/>
              <a:chExt cx="874338" cy="874338"/>
            </a:xfrm>
          </p:grpSpPr>
          <p:sp>
            <p:nvSpPr>
              <p:cNvPr id="20" name="Freeform: Shape 19">
                <a:extLst>
                  <a:ext uri="{FF2B5EF4-FFF2-40B4-BE49-F238E27FC236}">
                    <a16:creationId xmlns:a16="http://schemas.microsoft.com/office/drawing/2014/main" id="{6FAD3630-CFE9-98F9-5D29-54630A4A58BE}"/>
                  </a:ext>
                </a:extLst>
              </p:cNvPr>
              <p:cNvSpPr/>
              <p:nvPr/>
            </p:nvSpPr>
            <p:spPr>
              <a:xfrm>
                <a:off x="1076937" y="4697051"/>
                <a:ext cx="874338" cy="874338"/>
              </a:xfrm>
              <a:custGeom>
                <a:avLst/>
                <a:gdLst>
                  <a:gd fmla="*/ 874339 w 874338" name="connsiteX0"/>
                  <a:gd fmla="*/ 437169 h 874338" name="connsiteY0"/>
                  <a:gd fmla="*/ 437169 w 874338" name="connsiteX1"/>
                  <a:gd fmla="*/ 874339 h 874338" name="connsiteY1"/>
                  <a:gd fmla="*/ 0 w 874338" name="connsiteX2"/>
                  <a:gd fmla="*/ 437169 h 874338" name="connsiteY2"/>
                  <a:gd fmla="*/ 437169 w 874338" name="connsiteX3"/>
                  <a:gd fmla="*/ 0 h 874338" name="connsiteY3"/>
                  <a:gd fmla="*/ 874339 w 874338" name="connsiteX4"/>
                  <a:gd fmla="*/ 437169 h 874338"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874338" w="874338">
                    <a:moveTo>
                      <a:pt x="874339" y="437169"/>
                    </a:moveTo>
                    <a:cubicBezTo>
                      <a:pt x="874339" y="678594"/>
                      <a:pt x="678594" y="874339"/>
                      <a:pt x="437169" y="874339"/>
                    </a:cubicBezTo>
                    <a:cubicBezTo>
                      <a:pt x="195745" y="874339"/>
                      <a:pt x="0" y="678594"/>
                      <a:pt x="0" y="437169"/>
                    </a:cubicBezTo>
                    <a:cubicBezTo>
                      <a:pt x="0" y="195745"/>
                      <a:pt x="195745" y="0"/>
                      <a:pt x="437169" y="0"/>
                    </a:cubicBezTo>
                    <a:cubicBezTo>
                      <a:pt x="678594" y="0"/>
                      <a:pt x="874339" y="195745"/>
                      <a:pt x="874339" y="437169"/>
                    </a:cubicBezTo>
                    <a:close/>
                  </a:path>
                </a:pathLst>
              </a:custGeom>
              <a:solidFill>
                <a:srgbClr val="FFFFFF"/>
              </a:solidFill>
              <a:ln cap="rnd" w="84545">
                <a:solidFill>
                  <a:srgbClr val="FFFFFF"/>
                </a:solidFill>
                <a:prstDash val="solid"/>
                <a:miter/>
              </a:ln>
            </p:spPr>
            <p:txBody>
              <a:bodyPr anchor="ctr" rtlCol="0"/>
              <a:lstStyle/>
              <a:p>
                <a:endParaRPr lang="es-ES"/>
              </a:p>
            </p:txBody>
          </p:sp>
          <p:sp>
            <p:nvSpPr>
              <p:cNvPr id="21" name="Freeform: Shape 20">
                <a:extLst>
                  <a:ext uri="{FF2B5EF4-FFF2-40B4-BE49-F238E27FC236}">
                    <a16:creationId xmlns:a16="http://schemas.microsoft.com/office/drawing/2014/main" id="{718D8D8D-E0C3-E71F-57DD-6BB8B25CA0FD}"/>
                  </a:ext>
                </a:extLst>
              </p:cNvPr>
              <p:cNvSpPr/>
              <p:nvPr/>
            </p:nvSpPr>
            <p:spPr>
              <a:xfrm>
                <a:off x="1455222" y="4996432"/>
                <a:ext cx="62524" cy="396521"/>
              </a:xfrm>
              <a:custGeom>
                <a:avLst/>
                <a:gdLst>
                  <a:gd fmla="*/ 0 w 62524" name="connsiteX0"/>
                  <a:gd fmla="*/ 0 h 396521" name="connsiteY0"/>
                  <a:gd fmla="*/ 62524 w 62524" name="connsiteX1"/>
                  <a:gd fmla="*/ 0 h 396521" name="connsiteY1"/>
                  <a:gd fmla="*/ 60704 w 62524" name="connsiteX2"/>
                  <a:gd fmla="*/ 396522 h 396521" name="connsiteY2"/>
                </a:gdLst>
                <a:ahLst/>
                <a:cxnLst>
                  <a:cxn ang="0">
                    <a:pos x="connsiteX0" y="connsiteY0"/>
                  </a:cxn>
                  <a:cxn ang="0">
                    <a:pos x="connsiteX1" y="connsiteY1"/>
                  </a:cxn>
                  <a:cxn ang="0">
                    <a:pos x="connsiteX2" y="connsiteY2"/>
                  </a:cxn>
                </a:cxnLst>
                <a:rect b="b" l="l" r="r" t="t"/>
                <a:pathLst>
                  <a:path h="396521" w="62524">
                    <a:moveTo>
                      <a:pt x="0" y="0"/>
                    </a:moveTo>
                    <a:lnTo>
                      <a:pt x="62524" y="0"/>
                    </a:lnTo>
                    <a:lnTo>
                      <a:pt x="60704" y="396522"/>
                    </a:lnTo>
                  </a:path>
                </a:pathLst>
              </a:custGeom>
              <a:noFill/>
              <a:ln cap="rnd" w="84545">
                <a:solidFill>
                  <a:srgbClr val="093371"/>
                </a:solid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0B34A266-E615-3075-0A4D-F0185228EB5B}"/>
                  </a:ext>
                </a:extLst>
              </p:cNvPr>
              <p:cNvSpPr/>
              <p:nvPr/>
            </p:nvSpPr>
            <p:spPr>
              <a:xfrm>
                <a:off x="1512322" y="4864782"/>
                <a:ext cx="7137" cy="7137"/>
              </a:xfrm>
              <a:custGeom>
                <a:avLst/>
                <a:gdLst>
                  <a:gd fmla="*/ 7137 w 7137" name="connsiteX0"/>
                  <a:gd fmla="*/ 3569 h 7137" name="connsiteY0"/>
                  <a:gd fmla="*/ 3569 w 7137" name="connsiteX1"/>
                  <a:gd fmla="*/ 7137 h 7137" name="connsiteY1"/>
                  <a:gd fmla="*/ 0 w 7137" name="connsiteX2"/>
                  <a:gd fmla="*/ 3569 h 7137" name="connsiteY2"/>
                  <a:gd fmla="*/ 3569 w 7137" name="connsiteX3"/>
                  <a:gd fmla="*/ 0 h 7137" name="connsiteY3"/>
                  <a:gd fmla="*/ 7137 w 7137" name="connsiteX4"/>
                  <a:gd fmla="*/ 3569 h 713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7137" w="7137">
                    <a:moveTo>
                      <a:pt x="7137" y="3569"/>
                    </a:moveTo>
                    <a:cubicBezTo>
                      <a:pt x="7137" y="5532"/>
                      <a:pt x="5531" y="7137"/>
                      <a:pt x="3569" y="7137"/>
                    </a:cubicBezTo>
                    <a:cubicBezTo>
                      <a:pt x="1606" y="7137"/>
                      <a:pt x="0" y="5532"/>
                      <a:pt x="0" y="3569"/>
                    </a:cubicBezTo>
                    <a:cubicBezTo>
                      <a:pt x="0" y="1606"/>
                      <a:pt x="1606" y="0"/>
                      <a:pt x="3569" y="0"/>
                    </a:cubicBezTo>
                    <a:cubicBezTo>
                      <a:pt x="5531" y="0"/>
                      <a:pt x="7137" y="1606"/>
                      <a:pt x="7137" y="3569"/>
                    </a:cubicBezTo>
                    <a:close/>
                  </a:path>
                </a:pathLst>
              </a:custGeom>
              <a:noFill/>
              <a:ln cap="rnd" w="84545">
                <a:solidFill>
                  <a:srgbClr val="093371"/>
                </a:solid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3EE634F6-5E03-7793-1677-8C7379A84903}"/>
                  </a:ext>
                </a:extLst>
              </p:cNvPr>
              <p:cNvSpPr/>
              <p:nvPr/>
            </p:nvSpPr>
            <p:spPr>
              <a:xfrm>
                <a:off x="1455222" y="5400769"/>
                <a:ext cx="121408" cy="3568"/>
              </a:xfrm>
              <a:custGeom>
                <a:avLst/>
                <a:gdLst>
                  <a:gd fmla="*/ 121408 w 121408" name="connsiteX0"/>
                  <a:gd fmla="*/ 0 h 3568" name="connsiteY0"/>
                  <a:gd fmla="*/ 0 w 121408" name="connsiteX1"/>
                  <a:gd fmla="*/ 0 h 3568" name="connsiteY1"/>
                </a:gdLst>
                <a:ahLst/>
                <a:cxnLst>
                  <a:cxn ang="0">
                    <a:pos x="connsiteX0" y="connsiteY0"/>
                  </a:cxn>
                  <a:cxn ang="0">
                    <a:pos x="connsiteX1" y="connsiteY1"/>
                  </a:cxn>
                </a:cxnLst>
                <a:rect b="b" l="l" r="r" t="t"/>
                <a:pathLst>
                  <a:path h="3568" w="121408">
                    <a:moveTo>
                      <a:pt x="121408" y="0"/>
                    </a:moveTo>
                    <a:lnTo>
                      <a:pt x="0" y="0"/>
                    </a:lnTo>
                  </a:path>
                </a:pathLst>
              </a:custGeom>
              <a:ln cap="rnd" w="84545">
                <a:solidFill>
                  <a:srgbClr val="093371"/>
                </a:solidFill>
                <a:prstDash val="solid"/>
                <a:miter/>
              </a:ln>
            </p:spPr>
            <p:txBody>
              <a:bodyPr anchor="ctr" rtlCol="0"/>
              <a:lstStyle/>
              <a:p>
                <a:endParaRPr lang="es-ES"/>
              </a:p>
            </p:txBody>
          </p:sp>
        </p:grpSp>
      </p:grpSp>
      <p:grpSp>
        <p:nvGrpSpPr>
          <p:cNvPr id="29" name="Group 28">
            <a:extLst>
              <a:ext uri="{FF2B5EF4-FFF2-40B4-BE49-F238E27FC236}">
                <a16:creationId xmlns:a16="http://schemas.microsoft.com/office/drawing/2014/main" id="{70DA3B42-0F83-8537-575C-7FA0C163DB10}"/>
              </a:ext>
            </a:extLst>
          </p:cNvPr>
          <p:cNvGrpSpPr/>
          <p:nvPr/>
        </p:nvGrpSpPr>
        <p:grpSpPr>
          <a:xfrm>
            <a:off x="4671977" y="2891301"/>
            <a:ext cx="2803425" cy="1494512"/>
            <a:chOff x="517539" y="4386965"/>
            <a:chExt cx="2803425" cy="1494512"/>
          </a:xfrm>
        </p:grpSpPr>
        <p:grpSp>
          <p:nvGrpSpPr>
            <p:cNvPr id="30" name="Graphic 24">
              <a:extLst>
                <a:ext uri="{FF2B5EF4-FFF2-40B4-BE49-F238E27FC236}">
                  <a16:creationId xmlns:a16="http://schemas.microsoft.com/office/drawing/2014/main" id="{A8435317-3CFE-D8EC-09A3-35C167538ACC}"/>
                </a:ext>
              </a:extLst>
            </p:cNvPr>
            <p:cNvGrpSpPr/>
            <p:nvPr/>
          </p:nvGrpSpPr>
          <p:grpSpPr>
            <a:xfrm>
              <a:off x="517539" y="4386965"/>
              <a:ext cx="2803425" cy="1494512"/>
              <a:chOff x="517539" y="4386965"/>
              <a:chExt cx="2803425" cy="1494512"/>
            </a:xfrm>
          </p:grpSpPr>
          <p:sp>
            <p:nvSpPr>
              <p:cNvPr id="36" name="Freeform: Shape 35">
                <a:extLst>
                  <a:ext uri="{FF2B5EF4-FFF2-40B4-BE49-F238E27FC236}">
                    <a16:creationId xmlns:a16="http://schemas.microsoft.com/office/drawing/2014/main" id="{02506E0D-6D9D-FABA-323E-11C3FE3F1791}"/>
                  </a:ext>
                </a:extLst>
              </p:cNvPr>
              <p:cNvSpPr/>
              <p:nvPr/>
            </p:nvSpPr>
            <p:spPr>
              <a:xfrm>
                <a:off x="2450693" y="4903761"/>
                <a:ext cx="442504" cy="442504"/>
              </a:xfrm>
              <a:custGeom>
                <a:avLst/>
                <a:gdLst>
                  <a:gd fmla="*/ 64799 w 442504" name="connsiteX0"/>
                  <a:gd fmla="*/ 64799 h 442504" name="connsiteY0"/>
                  <a:gd fmla="*/ 64799 w 442504" name="connsiteX1"/>
                  <a:gd fmla="*/ 377706 h 442504" name="connsiteY1"/>
                  <a:gd fmla="*/ 377706 w 442504" name="connsiteX2"/>
                  <a:gd fmla="*/ 377706 h 442504" name="connsiteY2"/>
                  <a:gd fmla="*/ 377706 w 442504" name="connsiteX3"/>
                  <a:gd fmla="*/ 64799 h 442504" name="connsiteY3"/>
                  <a:gd fmla="*/ 64799 w 442504" name="connsiteX4"/>
                  <a:gd fmla="*/ 64799 h 442504" name="connsiteY4"/>
                  <a:gd fmla="*/ 152768 w 442504" name="connsiteX5"/>
                  <a:gd fmla="*/ 289023 h 442504" name="connsiteY5"/>
                  <a:gd fmla="*/ 152768 w 442504" name="connsiteX6"/>
                  <a:gd fmla="*/ 153875 h 442504" name="connsiteY6"/>
                  <a:gd fmla="*/ 287916 w 442504" name="connsiteX7"/>
                  <a:gd fmla="*/ 153875 h 442504" name="connsiteY7"/>
                  <a:gd fmla="*/ 287916 w 442504" name="connsiteX8"/>
                  <a:gd fmla="*/ 289023 h 442504" name="connsiteY8"/>
                  <a:gd fmla="*/ 152768 w 442504" name="connsiteX9"/>
                  <a:gd fmla="*/ 289023 h 442504"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42504" w="442504">
                    <a:moveTo>
                      <a:pt x="64799" y="64799"/>
                    </a:moveTo>
                    <a:cubicBezTo>
                      <a:pt x="-21600" y="151198"/>
                      <a:pt x="-21600" y="291307"/>
                      <a:pt x="64799" y="377706"/>
                    </a:cubicBezTo>
                    <a:cubicBezTo>
                      <a:pt x="151198" y="464104"/>
                      <a:pt x="291307" y="464104"/>
                      <a:pt x="377706" y="377706"/>
                    </a:cubicBezTo>
                    <a:cubicBezTo>
                      <a:pt x="464104" y="291307"/>
                      <a:pt x="464104" y="151198"/>
                      <a:pt x="377706" y="64799"/>
                    </a:cubicBezTo>
                    <a:cubicBezTo>
                      <a:pt x="291307" y="-21600"/>
                      <a:pt x="151198" y="-21600"/>
                      <a:pt x="64799" y="64799"/>
                    </a:cubicBezTo>
                    <a:close/>
                    <a:moveTo>
                      <a:pt x="152768" y="289023"/>
                    </a:moveTo>
                    <a:cubicBezTo>
                      <a:pt x="115439" y="251694"/>
                      <a:pt x="115439" y="191204"/>
                      <a:pt x="152768" y="153875"/>
                    </a:cubicBezTo>
                    <a:cubicBezTo>
                      <a:pt x="190097" y="116546"/>
                      <a:pt x="250587" y="116546"/>
                      <a:pt x="287916" y="153875"/>
                    </a:cubicBezTo>
                    <a:cubicBezTo>
                      <a:pt x="325245" y="191204"/>
                      <a:pt x="325245" y="251694"/>
                      <a:pt x="287916" y="289023"/>
                    </a:cubicBezTo>
                    <a:cubicBezTo>
                      <a:pt x="250587" y="326351"/>
                      <a:pt x="190097" y="326351"/>
                      <a:pt x="152768" y="289023"/>
                    </a:cubicBezTo>
                    <a:close/>
                  </a:path>
                </a:pathLst>
              </a:custGeom>
              <a:solidFill>
                <a:schemeClr val="accent2"/>
              </a:solidFill>
              <a:ln cap="flat" w="3563">
                <a:noFill/>
                <a:prstDash val="solid"/>
                <a:miter/>
              </a:ln>
            </p:spPr>
            <p:txBody>
              <a:bodyPr anchor="ctr" rtlCol="0"/>
              <a:lstStyle/>
              <a:p>
                <a:endParaRPr lang="es-ES"/>
              </a:p>
            </p:txBody>
          </p:sp>
          <p:sp>
            <p:nvSpPr>
              <p:cNvPr id="37" name="Freeform: Shape 36">
                <a:extLst>
                  <a:ext uri="{FF2B5EF4-FFF2-40B4-BE49-F238E27FC236}">
                    <a16:creationId xmlns:a16="http://schemas.microsoft.com/office/drawing/2014/main" id="{0045F564-0F2B-7D4F-AAB2-813B3D3F32B9}"/>
                  </a:ext>
                </a:extLst>
              </p:cNvPr>
              <p:cNvSpPr/>
              <p:nvPr/>
            </p:nvSpPr>
            <p:spPr>
              <a:xfrm>
                <a:off x="2456465" y="5034689"/>
                <a:ext cx="17629" cy="64522"/>
              </a:xfrm>
              <a:custGeom>
                <a:avLst/>
                <a:gdLst>
                  <a:gd fmla="*/ 0 w 17629" name="connsiteX0"/>
                  <a:gd fmla="*/ 64523 h 64522" name="connsiteY0"/>
                  <a:gd fmla="*/ 17630 w 17629" name="connsiteX1"/>
                  <a:gd fmla="*/ 0 h 64522" name="connsiteY1"/>
                  <a:gd fmla="*/ 0 w 17629" name="connsiteX2"/>
                  <a:gd fmla="*/ 64523 h 64522" name="connsiteY2"/>
                  <a:gd fmla="*/ 0 w 17629" name="connsiteX3"/>
                  <a:gd fmla="*/ 64523 h 64522" name="connsiteY3"/>
                </a:gdLst>
                <a:ahLst/>
                <a:cxnLst>
                  <a:cxn ang="0">
                    <a:pos x="connsiteX0" y="connsiteY0"/>
                  </a:cxn>
                  <a:cxn ang="0">
                    <a:pos x="connsiteX1" y="connsiteY1"/>
                  </a:cxn>
                  <a:cxn ang="0">
                    <a:pos x="connsiteX2" y="connsiteY2"/>
                  </a:cxn>
                  <a:cxn ang="0">
                    <a:pos x="connsiteX3" y="connsiteY3"/>
                  </a:cxn>
                </a:cxnLst>
                <a:rect b="b" l="l" r="r" t="t"/>
                <a:pathLst>
                  <a:path h="64522" w="17629">
                    <a:moveTo>
                      <a:pt x="0" y="64523"/>
                    </a:moveTo>
                    <a:cubicBezTo>
                      <a:pt x="2498" y="42432"/>
                      <a:pt x="8386" y="20627"/>
                      <a:pt x="17630" y="0"/>
                    </a:cubicBezTo>
                    <a:cubicBezTo>
                      <a:pt x="8386" y="20627"/>
                      <a:pt x="2498" y="42432"/>
                      <a:pt x="0" y="64523"/>
                    </a:cubicBezTo>
                    <a:lnTo>
                      <a:pt x="0" y="64523"/>
                    </a:lnTo>
                    <a:close/>
                  </a:path>
                </a:pathLst>
              </a:custGeom>
              <a:noFill/>
              <a:ln cap="flat" w="3563">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3778951F-FF16-085A-9327-8B6F9098897B}"/>
                  </a:ext>
                </a:extLst>
              </p:cNvPr>
              <p:cNvSpPr/>
              <p:nvPr/>
            </p:nvSpPr>
            <p:spPr>
              <a:xfrm>
                <a:off x="517539" y="4386965"/>
                <a:ext cx="2803425" cy="1494512"/>
              </a:xfrm>
              <a:custGeom>
                <a:avLst/>
                <a:gdLst>
                  <a:gd fmla="*/ 0 w 2803425" name="connsiteX0"/>
                  <a:gd fmla="*/ 108668 h 1494512" name="connsiteY0"/>
                  <a:gd fmla="*/ 0 w 2803425" name="connsiteX1"/>
                  <a:gd fmla="*/ 1378065 h 1494512" name="connsiteY1"/>
                  <a:gd fmla="*/ 108632 w 2803425" name="connsiteX2"/>
                  <a:gd fmla="*/ 1486697 h 1494512" name="connsiteY2"/>
                  <a:gd fmla="*/ 169622 w 2803425" name="connsiteX3"/>
                  <a:gd fmla="*/ 1486947 h 1494512" name="connsiteY3"/>
                  <a:gd fmla="*/ 1486697 w 2803425" name="connsiteX4"/>
                  <a:gd fmla="*/ 1492265 h 1494512" name="connsiteY4"/>
                  <a:gd fmla="*/ 1567351 w 2803425" name="connsiteX5"/>
                  <a:gd fmla="*/ 1492586 h 1494512" name="connsiteY5"/>
                  <a:gd fmla="*/ 2040029 w 2803425" name="connsiteX6"/>
                  <a:gd fmla="*/ 1494513 h 1494512" name="connsiteY6"/>
                  <a:gd fmla="*/ 2051699 w 2803425" name="connsiteX7"/>
                  <a:gd fmla="*/ 1493871 h 1494512" name="connsiteY7"/>
                  <a:gd fmla="*/ 2063154 w 2803425" name="connsiteX8"/>
                  <a:gd fmla="*/ 1492015 h 1494512" name="connsiteY8"/>
                  <a:gd fmla="*/ 2084995 w 2803425" name="connsiteX9"/>
                  <a:gd fmla="*/ 1484770 h 1494512" name="connsiteY9"/>
                  <a:gd fmla="*/ 2100091 w 2803425" name="connsiteX10"/>
                  <a:gd fmla="*/ 1476384 h 1494512" name="connsiteY10"/>
                  <a:gd fmla="*/ 2113759 w 2803425" name="connsiteX11"/>
                  <a:gd fmla="*/ 1465642 h 1494512" name="connsiteY11"/>
                  <a:gd fmla="*/ 2117934 w 2803425" name="connsiteX12"/>
                  <a:gd fmla="*/ 1461574 h 1494512" name="connsiteY12"/>
                  <a:gd fmla="*/ 2121896 w 2803425" name="connsiteX13"/>
                  <a:gd fmla="*/ 1457255 h 1494512" name="connsiteY13"/>
                  <a:gd fmla="*/ 2121896 w 2803425" name="connsiteX14"/>
                  <a:gd fmla="*/ 1457255 h 1494512" name="connsiteY14"/>
                  <a:gd fmla="*/ 2389658 w 2803425" name="connsiteX15"/>
                  <a:gd fmla="*/ 1199593 h 1494512" name="connsiteY15"/>
                  <a:gd fmla="*/ 2450183 w 2803425" name="connsiteX16"/>
                  <a:gd fmla="*/ 1141351 h 1494512" name="connsiteY16"/>
                  <a:gd fmla="*/ 2700815 w 2803425" name="connsiteX17"/>
                  <a:gd fmla="*/ 900177 h 1494512" name="connsiteY17"/>
                  <a:gd fmla="*/ 2776651 w 2803425" name="connsiteX18"/>
                  <a:gd fmla="*/ 827196 h 1494512" name="connsiteY18"/>
                  <a:gd fmla="*/ 2778863 w 2803425" name="connsiteX19"/>
                  <a:gd fmla="*/ 686981 h 1494512" name="connsiteY19"/>
                  <a:gd fmla="*/ 2137455 w 2803425" name="connsiteX20"/>
                  <a:gd fmla="*/ 47643 h 1494512" name="connsiteY20"/>
                  <a:gd fmla="*/ 2053376 w 2803425" name="connsiteX21"/>
                  <a:gd fmla="*/ 7780 h 1494512" name="connsiteY21"/>
                  <a:gd fmla="*/ 174832 w 2803425" name="connsiteX22"/>
                  <a:gd fmla="*/ 250 h 1494512" name="connsiteY22"/>
                  <a:gd fmla="*/ 108668 w 2803425" name="connsiteX23"/>
                  <a:gd fmla="*/ 0 h 1494512" name="connsiteY23"/>
                  <a:gd fmla="*/ 0 w 2803425" name="connsiteX24"/>
                  <a:gd fmla="*/ 108668 h 1494512" name="connsiteY24"/>
                  <a:gd fmla="*/ 1997954 w 2803425" name="connsiteX25"/>
                  <a:gd fmla="*/ 894502 h 1494512" name="connsiteY25"/>
                  <a:gd fmla="*/ 1997954 w 2803425" name="connsiteX26"/>
                  <a:gd fmla="*/ 581596 h 1494512" name="connsiteY26"/>
                  <a:gd fmla="*/ 2310860 w 2803425" name="connsiteX27"/>
                  <a:gd fmla="*/ 581596 h 1494512" name="connsiteY27"/>
                  <a:gd fmla="*/ 2310860 w 2803425" name="connsiteX28"/>
                  <a:gd fmla="*/ 894502 h 1494512" name="connsiteY28"/>
                  <a:gd fmla="*/ 1997954 w 2803425" name="connsiteX29"/>
                  <a:gd fmla="*/ 894502 h 1494512"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1494512" w="2803425">
                    <a:moveTo>
                      <a:pt x="0" y="108668"/>
                    </a:moveTo>
                    <a:lnTo>
                      <a:pt x="0" y="1378065"/>
                    </a:lnTo>
                    <a:cubicBezTo>
                      <a:pt x="0" y="1438056"/>
                      <a:pt x="48642" y="1486733"/>
                      <a:pt x="108632" y="1486697"/>
                    </a:cubicBezTo>
                    <a:lnTo>
                      <a:pt x="169622" y="1486947"/>
                    </a:lnTo>
                    <a:lnTo>
                      <a:pt x="1486697" y="1492265"/>
                    </a:lnTo>
                    <a:lnTo>
                      <a:pt x="1567351" y="1492586"/>
                    </a:lnTo>
                    <a:lnTo>
                      <a:pt x="2040029" y="1494513"/>
                    </a:lnTo>
                    <a:cubicBezTo>
                      <a:pt x="2043955" y="1494513"/>
                      <a:pt x="2047845" y="1494299"/>
                      <a:pt x="2051699" y="1493871"/>
                    </a:cubicBezTo>
                    <a:cubicBezTo>
                      <a:pt x="2055553" y="1493442"/>
                      <a:pt x="2059372" y="1492836"/>
                      <a:pt x="2063154" y="1492015"/>
                    </a:cubicBezTo>
                    <a:cubicBezTo>
                      <a:pt x="2070684" y="1490373"/>
                      <a:pt x="2078000" y="1487946"/>
                      <a:pt x="2084995" y="1484770"/>
                    </a:cubicBezTo>
                    <a:cubicBezTo>
                      <a:pt x="2090241" y="1482379"/>
                      <a:pt x="2095273" y="1479596"/>
                      <a:pt x="2100091" y="1476384"/>
                    </a:cubicBezTo>
                    <a:cubicBezTo>
                      <a:pt x="2104909" y="1473172"/>
                      <a:pt x="2109477" y="1469603"/>
                      <a:pt x="2113759" y="1465642"/>
                    </a:cubicBezTo>
                    <a:cubicBezTo>
                      <a:pt x="2115187" y="1464322"/>
                      <a:pt x="2116578" y="1462965"/>
                      <a:pt x="2117934" y="1461574"/>
                    </a:cubicBezTo>
                    <a:cubicBezTo>
                      <a:pt x="2119291" y="1460182"/>
                      <a:pt x="2120611" y="1458754"/>
                      <a:pt x="2121896" y="1457255"/>
                    </a:cubicBezTo>
                    <a:lnTo>
                      <a:pt x="2121896" y="1457255"/>
                    </a:lnTo>
                    <a:lnTo>
                      <a:pt x="2389658" y="1199593"/>
                    </a:lnTo>
                    <a:lnTo>
                      <a:pt x="2450183" y="1141351"/>
                    </a:lnTo>
                    <a:lnTo>
                      <a:pt x="2700815" y="900177"/>
                    </a:lnTo>
                    <a:lnTo>
                      <a:pt x="2776651" y="827196"/>
                    </a:lnTo>
                    <a:cubicBezTo>
                      <a:pt x="2811482" y="787262"/>
                      <a:pt x="2812445" y="727985"/>
                      <a:pt x="2778863" y="686981"/>
                    </a:cubicBezTo>
                    <a:lnTo>
                      <a:pt x="2137455" y="47643"/>
                    </a:lnTo>
                    <a:cubicBezTo>
                      <a:pt x="2116828" y="22412"/>
                      <a:pt x="2085959" y="7780"/>
                      <a:pt x="2053376" y="7780"/>
                    </a:cubicBezTo>
                    <a:lnTo>
                      <a:pt x="174832" y="250"/>
                    </a:lnTo>
                    <a:lnTo>
                      <a:pt x="108668" y="0"/>
                    </a:lnTo>
                    <a:cubicBezTo>
                      <a:pt x="48642" y="0"/>
                      <a:pt x="0" y="48642"/>
                      <a:pt x="0" y="108668"/>
                    </a:cubicBezTo>
                    <a:close/>
                    <a:moveTo>
                      <a:pt x="1997954" y="894502"/>
                    </a:moveTo>
                    <a:cubicBezTo>
                      <a:pt x="1911555" y="808103"/>
                      <a:pt x="1911555" y="667995"/>
                      <a:pt x="1997954" y="581596"/>
                    </a:cubicBezTo>
                    <a:cubicBezTo>
                      <a:pt x="2084353" y="495197"/>
                      <a:pt x="2224461" y="495197"/>
                      <a:pt x="2310860" y="581596"/>
                    </a:cubicBezTo>
                    <a:cubicBezTo>
                      <a:pt x="2397259" y="667995"/>
                      <a:pt x="2397259" y="808103"/>
                      <a:pt x="2310860" y="894502"/>
                    </a:cubicBezTo>
                    <a:cubicBezTo>
                      <a:pt x="2224461" y="980901"/>
                      <a:pt x="2084353" y="980901"/>
                      <a:pt x="1997954" y="894502"/>
                    </a:cubicBezTo>
                    <a:close/>
                  </a:path>
                </a:pathLst>
              </a:custGeom>
              <a:solidFill>
                <a:schemeClr val="accent1"/>
              </a:solidFill>
              <a:ln cap="flat" w="3563">
                <a:noFill/>
                <a:prstDash val="solid"/>
                <a:miter/>
              </a:ln>
            </p:spPr>
            <p:txBody>
              <a:bodyPr anchor="ctr" rtlCol="0"/>
              <a:lstStyle/>
              <a:p>
                <a:endParaRPr lang="es-ES"/>
              </a:p>
            </p:txBody>
          </p:sp>
        </p:grpSp>
        <p:grpSp>
          <p:nvGrpSpPr>
            <p:cNvPr id="31" name="Graphic 24">
              <a:extLst>
                <a:ext uri="{FF2B5EF4-FFF2-40B4-BE49-F238E27FC236}">
                  <a16:creationId xmlns:a16="http://schemas.microsoft.com/office/drawing/2014/main" id="{3E3C7EFB-86DE-B54B-54A4-C704CD01FE79}"/>
                </a:ext>
              </a:extLst>
            </p:cNvPr>
            <p:cNvGrpSpPr/>
            <p:nvPr/>
          </p:nvGrpSpPr>
          <p:grpSpPr>
            <a:xfrm>
              <a:off x="1076937" y="4697051"/>
              <a:ext cx="874338" cy="874338"/>
              <a:chOff x="1076937" y="4697051"/>
              <a:chExt cx="874338" cy="874338"/>
            </a:xfrm>
          </p:grpSpPr>
          <p:sp>
            <p:nvSpPr>
              <p:cNvPr id="32" name="Freeform: Shape 31">
                <a:extLst>
                  <a:ext uri="{FF2B5EF4-FFF2-40B4-BE49-F238E27FC236}">
                    <a16:creationId xmlns:a16="http://schemas.microsoft.com/office/drawing/2014/main" id="{A08AD0AC-84DD-C050-5AD8-1A92B6162EE9}"/>
                  </a:ext>
                </a:extLst>
              </p:cNvPr>
              <p:cNvSpPr/>
              <p:nvPr/>
            </p:nvSpPr>
            <p:spPr>
              <a:xfrm>
                <a:off x="1076937" y="4697051"/>
                <a:ext cx="874338" cy="874338"/>
              </a:xfrm>
              <a:custGeom>
                <a:avLst/>
                <a:gdLst>
                  <a:gd fmla="*/ 874339 w 874338" name="connsiteX0"/>
                  <a:gd fmla="*/ 437169 h 874338" name="connsiteY0"/>
                  <a:gd fmla="*/ 437169 w 874338" name="connsiteX1"/>
                  <a:gd fmla="*/ 874339 h 874338" name="connsiteY1"/>
                  <a:gd fmla="*/ 0 w 874338" name="connsiteX2"/>
                  <a:gd fmla="*/ 437169 h 874338" name="connsiteY2"/>
                  <a:gd fmla="*/ 437169 w 874338" name="connsiteX3"/>
                  <a:gd fmla="*/ 0 h 874338" name="connsiteY3"/>
                  <a:gd fmla="*/ 874339 w 874338" name="connsiteX4"/>
                  <a:gd fmla="*/ 437169 h 874338"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874338" w="874338">
                    <a:moveTo>
                      <a:pt x="874339" y="437169"/>
                    </a:moveTo>
                    <a:cubicBezTo>
                      <a:pt x="874339" y="678594"/>
                      <a:pt x="678594" y="874339"/>
                      <a:pt x="437169" y="874339"/>
                    </a:cubicBezTo>
                    <a:cubicBezTo>
                      <a:pt x="195745" y="874339"/>
                      <a:pt x="0" y="678594"/>
                      <a:pt x="0" y="437169"/>
                    </a:cubicBezTo>
                    <a:cubicBezTo>
                      <a:pt x="0" y="195745"/>
                      <a:pt x="195745" y="0"/>
                      <a:pt x="437169" y="0"/>
                    </a:cubicBezTo>
                    <a:cubicBezTo>
                      <a:pt x="678594" y="0"/>
                      <a:pt x="874339" y="195745"/>
                      <a:pt x="874339" y="437169"/>
                    </a:cubicBezTo>
                    <a:close/>
                  </a:path>
                </a:pathLst>
              </a:custGeom>
              <a:solidFill>
                <a:srgbClr val="FFFFFF"/>
              </a:solidFill>
              <a:ln cap="rnd" w="84545">
                <a:solidFill>
                  <a:srgbClr val="FFFFFF"/>
                </a:solid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E85E5688-BC30-2939-4ECE-33B87167A207}"/>
                  </a:ext>
                </a:extLst>
              </p:cNvPr>
              <p:cNvSpPr/>
              <p:nvPr/>
            </p:nvSpPr>
            <p:spPr>
              <a:xfrm>
                <a:off x="1455222" y="4996432"/>
                <a:ext cx="62524" cy="396521"/>
              </a:xfrm>
              <a:custGeom>
                <a:avLst/>
                <a:gdLst>
                  <a:gd fmla="*/ 0 w 62524" name="connsiteX0"/>
                  <a:gd fmla="*/ 0 h 396521" name="connsiteY0"/>
                  <a:gd fmla="*/ 62524 w 62524" name="connsiteX1"/>
                  <a:gd fmla="*/ 0 h 396521" name="connsiteY1"/>
                  <a:gd fmla="*/ 60704 w 62524" name="connsiteX2"/>
                  <a:gd fmla="*/ 396522 h 396521" name="connsiteY2"/>
                </a:gdLst>
                <a:ahLst/>
                <a:cxnLst>
                  <a:cxn ang="0">
                    <a:pos x="connsiteX0" y="connsiteY0"/>
                  </a:cxn>
                  <a:cxn ang="0">
                    <a:pos x="connsiteX1" y="connsiteY1"/>
                  </a:cxn>
                  <a:cxn ang="0">
                    <a:pos x="connsiteX2" y="connsiteY2"/>
                  </a:cxn>
                </a:cxnLst>
                <a:rect b="b" l="l" r="r" t="t"/>
                <a:pathLst>
                  <a:path h="396521" w="62524">
                    <a:moveTo>
                      <a:pt x="0" y="0"/>
                    </a:moveTo>
                    <a:lnTo>
                      <a:pt x="62524" y="0"/>
                    </a:lnTo>
                    <a:lnTo>
                      <a:pt x="60704" y="396522"/>
                    </a:lnTo>
                  </a:path>
                </a:pathLst>
              </a:custGeom>
              <a:noFill/>
              <a:ln cap="rnd" w="84545">
                <a:solidFill>
                  <a:srgbClr val="093371"/>
                </a:solid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8119A748-96E1-49AB-59FB-2EFD630A2ADD}"/>
                  </a:ext>
                </a:extLst>
              </p:cNvPr>
              <p:cNvSpPr/>
              <p:nvPr/>
            </p:nvSpPr>
            <p:spPr>
              <a:xfrm>
                <a:off x="1512322" y="4864782"/>
                <a:ext cx="7137" cy="7137"/>
              </a:xfrm>
              <a:custGeom>
                <a:avLst/>
                <a:gdLst>
                  <a:gd fmla="*/ 7137 w 7137" name="connsiteX0"/>
                  <a:gd fmla="*/ 3569 h 7137" name="connsiteY0"/>
                  <a:gd fmla="*/ 3569 w 7137" name="connsiteX1"/>
                  <a:gd fmla="*/ 7137 h 7137" name="connsiteY1"/>
                  <a:gd fmla="*/ 0 w 7137" name="connsiteX2"/>
                  <a:gd fmla="*/ 3569 h 7137" name="connsiteY2"/>
                  <a:gd fmla="*/ 3569 w 7137" name="connsiteX3"/>
                  <a:gd fmla="*/ 0 h 7137" name="connsiteY3"/>
                  <a:gd fmla="*/ 7137 w 7137" name="connsiteX4"/>
                  <a:gd fmla="*/ 3569 h 713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7137" w="7137">
                    <a:moveTo>
                      <a:pt x="7137" y="3569"/>
                    </a:moveTo>
                    <a:cubicBezTo>
                      <a:pt x="7137" y="5532"/>
                      <a:pt x="5531" y="7137"/>
                      <a:pt x="3569" y="7137"/>
                    </a:cubicBezTo>
                    <a:cubicBezTo>
                      <a:pt x="1606" y="7137"/>
                      <a:pt x="0" y="5532"/>
                      <a:pt x="0" y="3569"/>
                    </a:cubicBezTo>
                    <a:cubicBezTo>
                      <a:pt x="0" y="1606"/>
                      <a:pt x="1606" y="0"/>
                      <a:pt x="3569" y="0"/>
                    </a:cubicBezTo>
                    <a:cubicBezTo>
                      <a:pt x="5531" y="0"/>
                      <a:pt x="7137" y="1606"/>
                      <a:pt x="7137" y="3569"/>
                    </a:cubicBezTo>
                    <a:close/>
                  </a:path>
                </a:pathLst>
              </a:custGeom>
              <a:noFill/>
              <a:ln cap="rnd" w="84545">
                <a:solidFill>
                  <a:srgbClr val="093371"/>
                </a:solid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B6FA64EE-67F9-CAC5-4E1B-A5A8F929D8EE}"/>
                  </a:ext>
                </a:extLst>
              </p:cNvPr>
              <p:cNvSpPr/>
              <p:nvPr/>
            </p:nvSpPr>
            <p:spPr>
              <a:xfrm>
                <a:off x="1455222" y="5400769"/>
                <a:ext cx="121408" cy="3568"/>
              </a:xfrm>
              <a:custGeom>
                <a:avLst/>
                <a:gdLst>
                  <a:gd fmla="*/ 121408 w 121408" name="connsiteX0"/>
                  <a:gd fmla="*/ 0 h 3568" name="connsiteY0"/>
                  <a:gd fmla="*/ 0 w 121408" name="connsiteX1"/>
                  <a:gd fmla="*/ 0 h 3568" name="connsiteY1"/>
                </a:gdLst>
                <a:ahLst/>
                <a:cxnLst>
                  <a:cxn ang="0">
                    <a:pos x="connsiteX0" y="connsiteY0"/>
                  </a:cxn>
                  <a:cxn ang="0">
                    <a:pos x="connsiteX1" y="connsiteY1"/>
                  </a:cxn>
                </a:cxnLst>
                <a:rect b="b" l="l" r="r" t="t"/>
                <a:pathLst>
                  <a:path h="3568" w="121408">
                    <a:moveTo>
                      <a:pt x="121408" y="0"/>
                    </a:moveTo>
                    <a:lnTo>
                      <a:pt x="0" y="0"/>
                    </a:lnTo>
                  </a:path>
                </a:pathLst>
              </a:custGeom>
              <a:ln cap="rnd" w="84545">
                <a:solidFill>
                  <a:srgbClr val="093371"/>
                </a:solidFill>
                <a:prstDash val="solid"/>
                <a:miter/>
              </a:ln>
            </p:spPr>
            <p:txBody>
              <a:bodyPr anchor="ctr" rtlCol="0"/>
              <a:lstStyle/>
              <a:p>
                <a:endParaRPr lang="es-ES"/>
              </a:p>
            </p:txBody>
          </p:sp>
        </p:grpSp>
      </p:grpSp>
      <p:pic>
        <p:nvPicPr>
          <p:cNvPr descr="Arrow: Straight with solid fill" id="39" name="Graphic 38">
            <a:extLst>
              <a:ext uri="{FF2B5EF4-FFF2-40B4-BE49-F238E27FC236}">
                <a16:creationId xmlns:a16="http://schemas.microsoft.com/office/drawing/2014/main" id="{2086C989-4057-8675-F7CD-715C918D0BA4}"/>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flipH="1">
            <a:off x="2777023" y="3221983"/>
            <a:ext cx="914400" cy="914400"/>
          </a:xfrm>
          <a:prstGeom prst="rect">
            <a:avLst/>
          </a:prstGeom>
        </p:spPr>
      </p:pic>
      <p:pic>
        <p:nvPicPr>
          <p:cNvPr descr="Arrow: Clockwise curve with solid fill" id="40" name="Graphic 39">
            <a:extLst>
              <a:ext uri="{FF2B5EF4-FFF2-40B4-BE49-F238E27FC236}">
                <a16:creationId xmlns:a16="http://schemas.microsoft.com/office/drawing/2014/main" id="{C792B1F9-E0C5-6DCB-181C-9AA90ACBDA32}"/>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7529731" y="5397288"/>
            <a:ext cx="914400" cy="914400"/>
          </a:xfrm>
          <a:prstGeom prst="rect">
            <a:avLst/>
          </a:prstGeom>
        </p:spPr>
      </p:pic>
      <p:pic>
        <p:nvPicPr>
          <p:cNvPr descr="Arrow: Clockwise curve with solid fill" id="41" name="Graphic 40">
            <a:extLst>
              <a:ext uri="{FF2B5EF4-FFF2-40B4-BE49-F238E27FC236}">
                <a16:creationId xmlns:a16="http://schemas.microsoft.com/office/drawing/2014/main" id="{0657D91B-6367-7085-5E7C-3DFA54C6A523}"/>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flipH="1">
            <a:off x="3860312" y="5397288"/>
            <a:ext cx="914400" cy="914400"/>
          </a:xfrm>
          <a:prstGeom prst="rect">
            <a:avLst/>
          </a:prstGeom>
        </p:spPr>
      </p:pic>
      <p:pic>
        <p:nvPicPr>
          <p:cNvPr descr="Arrow: Clockwise curve with solid fill" id="42" name="Graphic 41">
            <a:extLst>
              <a:ext uri="{FF2B5EF4-FFF2-40B4-BE49-F238E27FC236}">
                <a16:creationId xmlns:a16="http://schemas.microsoft.com/office/drawing/2014/main" id="{1D47445F-DAD1-15C7-A967-A0E03E304DF7}"/>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flipH="1" flipV="1" rot="2951156">
            <a:off x="8281160" y="1876787"/>
            <a:ext cx="914400" cy="914400"/>
          </a:xfrm>
          <a:prstGeom prst="rect">
            <a:avLst/>
          </a:prstGeom>
        </p:spPr>
      </p:pic>
      <p:pic>
        <p:nvPicPr>
          <p:cNvPr descr="Arrow: Clockwise curve with solid fill" id="43" name="Graphic 42">
            <a:extLst>
              <a:ext uri="{FF2B5EF4-FFF2-40B4-BE49-F238E27FC236}">
                <a16:creationId xmlns:a16="http://schemas.microsoft.com/office/drawing/2014/main" id="{FAE4E4C2-1AC0-37EE-1528-8821CD1B736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flipV="1" rot="18006257">
            <a:off x="2986953" y="1876787"/>
            <a:ext cx="914400" cy="914400"/>
          </a:xfrm>
          <a:prstGeom prst="rect">
            <a:avLst/>
          </a:prstGeom>
        </p:spPr>
      </p:pic>
      <p:pic>
        <p:nvPicPr>
          <p:cNvPr descr="Arrow: Straight with solid fill" id="44" name="Graphic 43">
            <a:extLst>
              <a:ext uri="{FF2B5EF4-FFF2-40B4-BE49-F238E27FC236}">
                <a16:creationId xmlns:a16="http://schemas.microsoft.com/office/drawing/2014/main" id="{1B1EB710-7C5A-E712-E772-62A31F608C3C}"/>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8483475" y="3221983"/>
            <a:ext cx="914400" cy="914400"/>
          </a:xfrm>
          <a:prstGeom prst="rect">
            <a:avLst/>
          </a:prstGeom>
        </p:spPr>
      </p:pic>
    </p:spTree>
    <p:custDataLst>
      <p:tags r:id="rId1"/>
    </p:custDataLst>
    <p:extLst>
      <p:ext uri="{BB962C8B-B14F-4D97-AF65-F5344CB8AC3E}">
        <p14:creationId xmlns:p14="http://schemas.microsoft.com/office/powerpoint/2010/main" val="1481766544"/>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4448" p14:dur="822" spd="slow">
        <p159:morph option="byObject"/>
      </p:transition>
    </mc:Choice>
    <mc:Fallback xmlns="">
      <p:transition advTm="1444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53" presetSubtype="16">
                                  <p:stCondLst>
                                    <p:cond delay="0"/>
                                  </p:stCondLst>
                                  <p:childTnLst>
                                    <p:set>
                                      <p:cBhvr>
                                        <p:cTn dur="1" fill="hold" id="6">
                                          <p:stCondLst>
                                            <p:cond delay="0"/>
                                          </p:stCondLst>
                                        </p:cTn>
                                        <p:tgtEl>
                                          <p:spTgt spid="8"/>
                                        </p:tgtEl>
                                        <p:attrNameLst>
                                          <p:attrName>style.visibility</p:attrName>
                                        </p:attrNameLst>
                                      </p:cBhvr>
                                      <p:to>
                                        <p:strVal val="visible"/>
                                      </p:to>
                                    </p:set>
                                    <p:anim calcmode="lin" valueType="num">
                                      <p:cBhvr>
                                        <p:cTn dur="500" fill="hold" id="7"/>
                                        <p:tgtEl>
                                          <p:spTgt spid="8"/>
                                        </p:tgtEl>
                                        <p:attrNameLst>
                                          <p:attrName>ppt_w</p:attrName>
                                        </p:attrNameLst>
                                      </p:cBhvr>
                                      <p:tavLst>
                                        <p:tav tm="0">
                                          <p:val>
                                            <p:fltVal val="0"/>
                                          </p:val>
                                        </p:tav>
                                        <p:tav tm="100000">
                                          <p:val>
                                            <p:strVal val="#ppt_w"/>
                                          </p:val>
                                        </p:tav>
                                      </p:tavLst>
                                    </p:anim>
                                    <p:anim calcmode="lin" valueType="num">
                                      <p:cBhvr>
                                        <p:cTn dur="500" fill="hold" id="8"/>
                                        <p:tgtEl>
                                          <p:spTgt spid="8"/>
                                        </p:tgtEl>
                                        <p:attrNameLst>
                                          <p:attrName>ppt_h</p:attrName>
                                        </p:attrNameLst>
                                      </p:cBhvr>
                                      <p:tavLst>
                                        <p:tav tm="0">
                                          <p:val>
                                            <p:fltVal val="0"/>
                                          </p:val>
                                        </p:tav>
                                        <p:tav tm="100000">
                                          <p:val>
                                            <p:strVal val="#ppt_h"/>
                                          </p:val>
                                        </p:tav>
                                      </p:tavLst>
                                    </p:anim>
                                    <p:animEffect filter="fade" transition="in">
                                      <p:cBhvr>
                                        <p:cTn dur="500" id="9"/>
                                        <p:tgtEl>
                                          <p:spTgt spid="8"/>
                                        </p:tgtEl>
                                      </p:cBhvr>
                                    </p:animEffect>
                                  </p:childTnLst>
                                </p:cTn>
                              </p:par>
                              <p:par>
                                <p:cTn fill="hold" id="10" nodeType="withEffect" presetClass="entr" presetID="53" presetSubtype="16">
                                  <p:stCondLst>
                                    <p:cond delay="0"/>
                                  </p:stCondLst>
                                  <p:childTnLst>
                                    <p:set>
                                      <p:cBhvr>
                                        <p:cTn dur="1" fill="hold" id="11">
                                          <p:stCondLst>
                                            <p:cond delay="0"/>
                                          </p:stCondLst>
                                        </p:cTn>
                                        <p:tgtEl>
                                          <p:spTgt spid="9"/>
                                        </p:tgtEl>
                                        <p:attrNameLst>
                                          <p:attrName>style.visibility</p:attrName>
                                        </p:attrNameLst>
                                      </p:cBhvr>
                                      <p:to>
                                        <p:strVal val="visible"/>
                                      </p:to>
                                    </p:set>
                                    <p:anim calcmode="lin" valueType="num">
                                      <p:cBhvr>
                                        <p:cTn dur="500" fill="hold" id="12"/>
                                        <p:tgtEl>
                                          <p:spTgt spid="9"/>
                                        </p:tgtEl>
                                        <p:attrNameLst>
                                          <p:attrName>ppt_w</p:attrName>
                                        </p:attrNameLst>
                                      </p:cBhvr>
                                      <p:tavLst>
                                        <p:tav tm="0">
                                          <p:val>
                                            <p:fltVal val="0"/>
                                          </p:val>
                                        </p:tav>
                                        <p:tav tm="100000">
                                          <p:val>
                                            <p:strVal val="#ppt_w"/>
                                          </p:val>
                                        </p:tav>
                                      </p:tavLst>
                                    </p:anim>
                                    <p:anim calcmode="lin" valueType="num">
                                      <p:cBhvr>
                                        <p:cTn dur="500" fill="hold" id="13"/>
                                        <p:tgtEl>
                                          <p:spTgt spid="9"/>
                                        </p:tgtEl>
                                        <p:attrNameLst>
                                          <p:attrName>ppt_h</p:attrName>
                                        </p:attrNameLst>
                                      </p:cBhvr>
                                      <p:tavLst>
                                        <p:tav tm="0">
                                          <p:val>
                                            <p:fltVal val="0"/>
                                          </p:val>
                                        </p:tav>
                                        <p:tav tm="100000">
                                          <p:val>
                                            <p:strVal val="#ppt_h"/>
                                          </p:val>
                                        </p:tav>
                                      </p:tavLst>
                                    </p:anim>
                                    <p:animEffect filter="fade" transition="in">
                                      <p:cBhvr>
                                        <p:cTn dur="500" id="14"/>
                                        <p:tgtEl>
                                          <p:spTgt spid="9"/>
                                        </p:tgtEl>
                                      </p:cBhvr>
                                    </p:animEffect>
                                  </p:childTnLst>
                                </p:cTn>
                              </p:par>
                              <p:par>
                                <p:cTn fill="hold" id="15" nodeType="withEffect" presetClass="entr" presetID="53" presetSubtype="16">
                                  <p:stCondLst>
                                    <p:cond delay="0"/>
                                  </p:stCondLst>
                                  <p:childTnLst>
                                    <p:set>
                                      <p:cBhvr>
                                        <p:cTn dur="1" fill="hold" id="16">
                                          <p:stCondLst>
                                            <p:cond delay="0"/>
                                          </p:stCondLst>
                                        </p:cTn>
                                        <p:tgtEl>
                                          <p:spTgt spid="5"/>
                                        </p:tgtEl>
                                        <p:attrNameLst>
                                          <p:attrName>style.visibility</p:attrName>
                                        </p:attrNameLst>
                                      </p:cBhvr>
                                      <p:to>
                                        <p:strVal val="visible"/>
                                      </p:to>
                                    </p:set>
                                    <p:anim calcmode="lin" valueType="num">
                                      <p:cBhvr>
                                        <p:cTn dur="500" fill="hold" id="17"/>
                                        <p:tgtEl>
                                          <p:spTgt spid="5"/>
                                        </p:tgtEl>
                                        <p:attrNameLst>
                                          <p:attrName>ppt_w</p:attrName>
                                        </p:attrNameLst>
                                      </p:cBhvr>
                                      <p:tavLst>
                                        <p:tav tm="0">
                                          <p:val>
                                            <p:fltVal val="0"/>
                                          </p:val>
                                        </p:tav>
                                        <p:tav tm="100000">
                                          <p:val>
                                            <p:strVal val="#ppt_w"/>
                                          </p:val>
                                        </p:tav>
                                      </p:tavLst>
                                    </p:anim>
                                    <p:anim calcmode="lin" valueType="num">
                                      <p:cBhvr>
                                        <p:cTn dur="500" fill="hold" id="18"/>
                                        <p:tgtEl>
                                          <p:spTgt spid="5"/>
                                        </p:tgtEl>
                                        <p:attrNameLst>
                                          <p:attrName>ppt_h</p:attrName>
                                        </p:attrNameLst>
                                      </p:cBhvr>
                                      <p:tavLst>
                                        <p:tav tm="0">
                                          <p:val>
                                            <p:fltVal val="0"/>
                                          </p:val>
                                        </p:tav>
                                        <p:tav tm="100000">
                                          <p:val>
                                            <p:strVal val="#ppt_h"/>
                                          </p:val>
                                        </p:tav>
                                      </p:tavLst>
                                    </p:anim>
                                    <p:animEffect filter="fade" transition="in">
                                      <p:cBhvr>
                                        <p:cTn dur="500" id="19"/>
                                        <p:tgtEl>
                                          <p:spTgt spid="5"/>
                                        </p:tgtEl>
                                      </p:cBhvr>
                                    </p:animEffect>
                                  </p:childTnLst>
                                </p:cTn>
                              </p:par>
                              <p:par>
                                <p:cTn fill="hold" id="20" nodeType="withEffect" presetClass="entr" presetID="53" presetSubtype="16">
                                  <p:stCondLst>
                                    <p:cond delay="0"/>
                                  </p:stCondLst>
                                  <p:childTnLst>
                                    <p:set>
                                      <p:cBhvr>
                                        <p:cTn dur="1" fill="hold" id="21">
                                          <p:stCondLst>
                                            <p:cond delay="0"/>
                                          </p:stCondLst>
                                        </p:cTn>
                                        <p:tgtEl>
                                          <p:spTgt spid="6"/>
                                        </p:tgtEl>
                                        <p:attrNameLst>
                                          <p:attrName>style.visibility</p:attrName>
                                        </p:attrNameLst>
                                      </p:cBhvr>
                                      <p:to>
                                        <p:strVal val="visible"/>
                                      </p:to>
                                    </p:set>
                                    <p:anim calcmode="lin" valueType="num">
                                      <p:cBhvr>
                                        <p:cTn dur="500" fill="hold" id="22"/>
                                        <p:tgtEl>
                                          <p:spTgt spid="6"/>
                                        </p:tgtEl>
                                        <p:attrNameLst>
                                          <p:attrName>ppt_w</p:attrName>
                                        </p:attrNameLst>
                                      </p:cBhvr>
                                      <p:tavLst>
                                        <p:tav tm="0">
                                          <p:val>
                                            <p:fltVal val="0"/>
                                          </p:val>
                                        </p:tav>
                                        <p:tav tm="100000">
                                          <p:val>
                                            <p:strVal val="#ppt_w"/>
                                          </p:val>
                                        </p:tav>
                                      </p:tavLst>
                                    </p:anim>
                                    <p:anim calcmode="lin" valueType="num">
                                      <p:cBhvr>
                                        <p:cTn dur="500" fill="hold" id="23"/>
                                        <p:tgtEl>
                                          <p:spTgt spid="6"/>
                                        </p:tgtEl>
                                        <p:attrNameLst>
                                          <p:attrName>ppt_h</p:attrName>
                                        </p:attrNameLst>
                                      </p:cBhvr>
                                      <p:tavLst>
                                        <p:tav tm="0">
                                          <p:val>
                                            <p:fltVal val="0"/>
                                          </p:val>
                                        </p:tav>
                                        <p:tav tm="100000">
                                          <p:val>
                                            <p:strVal val="#ppt_h"/>
                                          </p:val>
                                        </p:tav>
                                      </p:tavLst>
                                    </p:anim>
                                    <p:animEffect filter="fade" transition="in">
                                      <p:cBhvr>
                                        <p:cTn dur="500" id="24"/>
                                        <p:tgtEl>
                                          <p:spTgt spid="6"/>
                                        </p:tgtEl>
                                      </p:cBhvr>
                                    </p:animEffect>
                                  </p:childTnLst>
                                </p:cTn>
                              </p:par>
                              <p:par>
                                <p:cTn fill="hold" id="25" nodeType="withEffect" presetClass="entr" presetID="53" presetSubtype="16">
                                  <p:stCondLst>
                                    <p:cond delay="0"/>
                                  </p:stCondLst>
                                  <p:childTnLst>
                                    <p:set>
                                      <p:cBhvr>
                                        <p:cTn dur="1" fill="hold" id="26">
                                          <p:stCondLst>
                                            <p:cond delay="0"/>
                                          </p:stCondLst>
                                        </p:cTn>
                                        <p:tgtEl>
                                          <p:spTgt spid="10"/>
                                        </p:tgtEl>
                                        <p:attrNameLst>
                                          <p:attrName>style.visibility</p:attrName>
                                        </p:attrNameLst>
                                      </p:cBhvr>
                                      <p:to>
                                        <p:strVal val="visible"/>
                                      </p:to>
                                    </p:set>
                                    <p:anim calcmode="lin" valueType="num">
                                      <p:cBhvr>
                                        <p:cTn dur="500" fill="hold" id="27"/>
                                        <p:tgtEl>
                                          <p:spTgt spid="10"/>
                                        </p:tgtEl>
                                        <p:attrNameLst>
                                          <p:attrName>ppt_w</p:attrName>
                                        </p:attrNameLst>
                                      </p:cBhvr>
                                      <p:tavLst>
                                        <p:tav tm="0">
                                          <p:val>
                                            <p:fltVal val="0"/>
                                          </p:val>
                                        </p:tav>
                                        <p:tav tm="100000">
                                          <p:val>
                                            <p:strVal val="#ppt_w"/>
                                          </p:val>
                                        </p:tav>
                                      </p:tavLst>
                                    </p:anim>
                                    <p:anim calcmode="lin" valueType="num">
                                      <p:cBhvr>
                                        <p:cTn dur="500" fill="hold" id="28"/>
                                        <p:tgtEl>
                                          <p:spTgt spid="10"/>
                                        </p:tgtEl>
                                        <p:attrNameLst>
                                          <p:attrName>ppt_h</p:attrName>
                                        </p:attrNameLst>
                                      </p:cBhvr>
                                      <p:tavLst>
                                        <p:tav tm="0">
                                          <p:val>
                                            <p:fltVal val="0"/>
                                          </p:val>
                                        </p:tav>
                                        <p:tav tm="100000">
                                          <p:val>
                                            <p:strVal val="#ppt_h"/>
                                          </p:val>
                                        </p:tav>
                                      </p:tavLst>
                                    </p:anim>
                                    <p:animEffect filter="fade" transition="in">
                                      <p:cBhvr>
                                        <p:cTn dur="500" id="29"/>
                                        <p:tgtEl>
                                          <p:spTgt spid="10"/>
                                        </p:tgtEl>
                                      </p:cBhvr>
                                    </p:animEffect>
                                  </p:childTnLst>
                                </p:cTn>
                              </p:par>
                              <p:par>
                                <p:cTn fill="hold" id="30" nodeType="withEffect" presetClass="entr" presetID="53" presetSubtype="16">
                                  <p:stCondLst>
                                    <p:cond delay="0"/>
                                  </p:stCondLst>
                                  <p:childTnLst>
                                    <p:set>
                                      <p:cBhvr>
                                        <p:cTn dur="1" fill="hold" id="31">
                                          <p:stCondLst>
                                            <p:cond delay="0"/>
                                          </p:stCondLst>
                                        </p:cTn>
                                        <p:tgtEl>
                                          <p:spTgt spid="7"/>
                                        </p:tgtEl>
                                        <p:attrNameLst>
                                          <p:attrName>style.visibility</p:attrName>
                                        </p:attrNameLst>
                                      </p:cBhvr>
                                      <p:to>
                                        <p:strVal val="visible"/>
                                      </p:to>
                                    </p:set>
                                    <p:anim calcmode="lin" valueType="num">
                                      <p:cBhvr>
                                        <p:cTn dur="500" fill="hold" id="32"/>
                                        <p:tgtEl>
                                          <p:spTgt spid="7"/>
                                        </p:tgtEl>
                                        <p:attrNameLst>
                                          <p:attrName>ppt_w</p:attrName>
                                        </p:attrNameLst>
                                      </p:cBhvr>
                                      <p:tavLst>
                                        <p:tav tm="0">
                                          <p:val>
                                            <p:fltVal val="0"/>
                                          </p:val>
                                        </p:tav>
                                        <p:tav tm="100000">
                                          <p:val>
                                            <p:strVal val="#ppt_w"/>
                                          </p:val>
                                        </p:tav>
                                      </p:tavLst>
                                    </p:anim>
                                    <p:anim calcmode="lin" valueType="num">
                                      <p:cBhvr>
                                        <p:cTn dur="500" fill="hold" id="33"/>
                                        <p:tgtEl>
                                          <p:spTgt spid="7"/>
                                        </p:tgtEl>
                                        <p:attrNameLst>
                                          <p:attrName>ppt_h</p:attrName>
                                        </p:attrNameLst>
                                      </p:cBhvr>
                                      <p:tavLst>
                                        <p:tav tm="0">
                                          <p:val>
                                            <p:fltVal val="0"/>
                                          </p:val>
                                        </p:tav>
                                        <p:tav tm="100000">
                                          <p:val>
                                            <p:strVal val="#ppt_h"/>
                                          </p:val>
                                        </p:tav>
                                      </p:tavLst>
                                    </p:anim>
                                    <p:animEffect filter="fade" transition="in">
                                      <p:cBhvr>
                                        <p:cTn dur="500" id="34"/>
                                        <p:tgtEl>
                                          <p:spTgt spid="7"/>
                                        </p:tgtEl>
                                      </p:cBhvr>
                                    </p:animEffect>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22" presetSubtype="8">
                                  <p:stCondLst>
                                    <p:cond delay="0"/>
                                  </p:stCondLst>
                                  <p:childTnLst>
                                    <p:set>
                                      <p:cBhvr>
                                        <p:cTn dur="1" fill="hold" id="38">
                                          <p:stCondLst>
                                            <p:cond delay="0"/>
                                          </p:stCondLst>
                                        </p:cTn>
                                        <p:tgtEl>
                                          <p:spTgt spid="39"/>
                                        </p:tgtEl>
                                        <p:attrNameLst>
                                          <p:attrName>style.visibility</p:attrName>
                                        </p:attrNameLst>
                                      </p:cBhvr>
                                      <p:to>
                                        <p:strVal val="visible"/>
                                      </p:to>
                                    </p:set>
                                    <p:animEffect filter="wipe(left)" transition="in">
                                      <p:cBhvr>
                                        <p:cTn dur="500" id="39"/>
                                        <p:tgtEl>
                                          <p:spTgt spid="39"/>
                                        </p:tgtEl>
                                      </p:cBhvr>
                                    </p:animEffect>
                                  </p:childTnLst>
                                </p:cTn>
                              </p:par>
                              <p:par>
                                <p:cTn fill="hold" id="40" nodeType="withEffect" presetClass="entr" presetID="22" presetSubtype="1">
                                  <p:stCondLst>
                                    <p:cond delay="0"/>
                                  </p:stCondLst>
                                  <p:childTnLst>
                                    <p:set>
                                      <p:cBhvr>
                                        <p:cTn dur="1" fill="hold" id="41">
                                          <p:stCondLst>
                                            <p:cond delay="0"/>
                                          </p:stCondLst>
                                        </p:cTn>
                                        <p:tgtEl>
                                          <p:spTgt spid="43"/>
                                        </p:tgtEl>
                                        <p:attrNameLst>
                                          <p:attrName>style.visibility</p:attrName>
                                        </p:attrNameLst>
                                      </p:cBhvr>
                                      <p:to>
                                        <p:strVal val="visible"/>
                                      </p:to>
                                    </p:set>
                                    <p:animEffect filter="wipe(up)" transition="in">
                                      <p:cBhvr>
                                        <p:cTn dur="500" id="42"/>
                                        <p:tgtEl>
                                          <p:spTgt spid="43"/>
                                        </p:tgtEl>
                                      </p:cBhvr>
                                    </p:animEffect>
                                  </p:childTnLst>
                                </p:cTn>
                              </p:par>
                              <p:par>
                                <p:cTn fill="hold" id="43" nodeType="withEffect" presetClass="entr" presetID="22" presetSubtype="4">
                                  <p:stCondLst>
                                    <p:cond delay="0"/>
                                  </p:stCondLst>
                                  <p:childTnLst>
                                    <p:set>
                                      <p:cBhvr>
                                        <p:cTn dur="1" fill="hold" id="44">
                                          <p:stCondLst>
                                            <p:cond delay="0"/>
                                          </p:stCondLst>
                                        </p:cTn>
                                        <p:tgtEl>
                                          <p:spTgt spid="41"/>
                                        </p:tgtEl>
                                        <p:attrNameLst>
                                          <p:attrName>style.visibility</p:attrName>
                                        </p:attrNameLst>
                                      </p:cBhvr>
                                      <p:to>
                                        <p:strVal val="visible"/>
                                      </p:to>
                                    </p:set>
                                    <p:animEffect filter="wipe(down)" transition="in">
                                      <p:cBhvr>
                                        <p:cTn dur="500" id="45"/>
                                        <p:tgtEl>
                                          <p:spTgt spid="41"/>
                                        </p:tgtEl>
                                      </p:cBhvr>
                                    </p:animEffect>
                                  </p:childTnLst>
                                </p:cTn>
                              </p:par>
                            </p:childTnLst>
                          </p:cTn>
                        </p:par>
                        <p:par>
                          <p:cTn fill="hold" id="46">
                            <p:stCondLst>
                              <p:cond delay="500"/>
                            </p:stCondLst>
                            <p:childTnLst>
                              <p:par>
                                <p:cTn fill="hold" id="47" nodeType="afterEffect" presetClass="entr" presetID="10" presetSubtype="0">
                                  <p:stCondLst>
                                    <p:cond delay="0"/>
                                  </p:stCondLst>
                                  <p:childTnLst>
                                    <p:set>
                                      <p:cBhvr>
                                        <p:cTn dur="1" fill="hold" id="48">
                                          <p:stCondLst>
                                            <p:cond delay="0"/>
                                          </p:stCondLst>
                                        </p:cTn>
                                        <p:tgtEl>
                                          <p:spTgt spid="17"/>
                                        </p:tgtEl>
                                        <p:attrNameLst>
                                          <p:attrName>style.visibility</p:attrName>
                                        </p:attrNameLst>
                                      </p:cBhvr>
                                      <p:to>
                                        <p:strVal val="visible"/>
                                      </p:to>
                                    </p:set>
                                    <p:animEffect filter="fade" transition="in">
                                      <p:cBhvr>
                                        <p:cTn dur="500" id="49"/>
                                        <p:tgtEl>
                                          <p:spTgt spid="17"/>
                                        </p:tgtEl>
                                      </p:cBhvr>
                                    </p:animEffect>
                                  </p:childTnLst>
                                </p:cTn>
                              </p:par>
                            </p:childTnLst>
                          </p:cTn>
                        </p:par>
                        <p:par>
                          <p:cTn fill="hold" id="50">
                            <p:stCondLst>
                              <p:cond delay="1000"/>
                            </p:stCondLst>
                            <p:childTnLst>
                              <p:par>
                                <p:cTn fill="hold" id="51" nodeType="afterEffect" presetClass="entr" presetID="22" presetSubtype="1">
                                  <p:stCondLst>
                                    <p:cond delay="0"/>
                                  </p:stCondLst>
                                  <p:childTnLst>
                                    <p:set>
                                      <p:cBhvr>
                                        <p:cTn dur="1" fill="hold" id="52">
                                          <p:stCondLst>
                                            <p:cond delay="0"/>
                                          </p:stCondLst>
                                        </p:cTn>
                                        <p:tgtEl>
                                          <p:spTgt spid="42"/>
                                        </p:tgtEl>
                                        <p:attrNameLst>
                                          <p:attrName>style.visibility</p:attrName>
                                        </p:attrNameLst>
                                      </p:cBhvr>
                                      <p:to>
                                        <p:strVal val="visible"/>
                                      </p:to>
                                    </p:set>
                                    <p:animEffect filter="wipe(up)" transition="in">
                                      <p:cBhvr>
                                        <p:cTn dur="500" id="53"/>
                                        <p:tgtEl>
                                          <p:spTgt spid="42"/>
                                        </p:tgtEl>
                                      </p:cBhvr>
                                    </p:animEffect>
                                  </p:childTnLst>
                                </p:cTn>
                              </p:par>
                              <p:par>
                                <p:cTn fill="hold" id="54" nodeType="withEffect" presetClass="entr" presetID="22" presetSubtype="2">
                                  <p:stCondLst>
                                    <p:cond delay="0"/>
                                  </p:stCondLst>
                                  <p:childTnLst>
                                    <p:set>
                                      <p:cBhvr>
                                        <p:cTn dur="1" fill="hold" id="55">
                                          <p:stCondLst>
                                            <p:cond delay="0"/>
                                          </p:stCondLst>
                                        </p:cTn>
                                        <p:tgtEl>
                                          <p:spTgt spid="44"/>
                                        </p:tgtEl>
                                        <p:attrNameLst>
                                          <p:attrName>style.visibility</p:attrName>
                                        </p:attrNameLst>
                                      </p:cBhvr>
                                      <p:to>
                                        <p:strVal val="visible"/>
                                      </p:to>
                                    </p:set>
                                    <p:animEffect filter="wipe(right)" transition="in">
                                      <p:cBhvr>
                                        <p:cTn dur="500" id="56"/>
                                        <p:tgtEl>
                                          <p:spTgt spid="44"/>
                                        </p:tgtEl>
                                      </p:cBhvr>
                                    </p:animEffect>
                                  </p:childTnLst>
                                </p:cTn>
                              </p:par>
                              <p:par>
                                <p:cTn fill="hold" id="57" nodeType="withEffect" presetClass="entr" presetID="22" presetSubtype="4">
                                  <p:stCondLst>
                                    <p:cond delay="0"/>
                                  </p:stCondLst>
                                  <p:childTnLst>
                                    <p:set>
                                      <p:cBhvr>
                                        <p:cTn dur="1" fill="hold" id="58">
                                          <p:stCondLst>
                                            <p:cond delay="0"/>
                                          </p:stCondLst>
                                        </p:cTn>
                                        <p:tgtEl>
                                          <p:spTgt spid="40"/>
                                        </p:tgtEl>
                                        <p:attrNameLst>
                                          <p:attrName>style.visibility</p:attrName>
                                        </p:attrNameLst>
                                      </p:cBhvr>
                                      <p:to>
                                        <p:strVal val="visible"/>
                                      </p:to>
                                    </p:set>
                                    <p:animEffect filter="wipe(down)" transition="in">
                                      <p:cBhvr>
                                        <p:cTn dur="500" id="59"/>
                                        <p:tgtEl>
                                          <p:spTgt spid="40"/>
                                        </p:tgtEl>
                                      </p:cBhvr>
                                    </p:animEffect>
                                  </p:childTnLst>
                                </p:cTn>
                              </p:par>
                            </p:childTnLst>
                          </p:cTn>
                        </p:par>
                        <p:par>
                          <p:cTn fill="hold" id="60">
                            <p:stCondLst>
                              <p:cond delay="1500"/>
                            </p:stCondLst>
                            <p:childTnLst>
                              <p:par>
                                <p:cTn fill="hold" id="61" nodeType="afterEffect" presetClass="entr" presetID="10" presetSubtype="0">
                                  <p:stCondLst>
                                    <p:cond delay="0"/>
                                  </p:stCondLst>
                                  <p:childTnLst>
                                    <p:set>
                                      <p:cBhvr>
                                        <p:cTn dur="1" fill="hold" id="62">
                                          <p:stCondLst>
                                            <p:cond delay="0"/>
                                          </p:stCondLst>
                                        </p:cTn>
                                        <p:tgtEl>
                                          <p:spTgt spid="29"/>
                                        </p:tgtEl>
                                        <p:attrNameLst>
                                          <p:attrName>style.visibility</p:attrName>
                                        </p:attrNameLst>
                                      </p:cBhvr>
                                      <p:to>
                                        <p:strVal val="visible"/>
                                      </p:to>
                                    </p:set>
                                    <p:animEffect filter="fade" transition="in">
                                      <p:cBhvr>
                                        <p:cTn dur="500" id="63"/>
                                        <p:tgtEl>
                                          <p:spTgt spid="2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24C6EBAE-2A66-4800-89A0-7DD6FF24C23D}"/>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A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AAIu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AAi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AAIul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AACLp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AAi6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IGmaF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gaZo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CBpmh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IGmaF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IGmaF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"/>
  <p:tag name="ISPRING_ULTRA_SCORM_COURCE_TITLE" val="4.1.2 Naming conventions"/>
  <p:tag name="ISPRING_PRESENTATION_TITLE" val="4.1.2 Naming conventions"/>
  <p:tag name="FLASHSPRING_ZOOM_TAG" val="73"/>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4.1.2 Naming conventions&quot;,&quot;onlineDestinationFolderId&quot;:&quot;8240ab84-dc7e-11ec-9224-56607b811831&quot;,&quot;onlineDestinationUrl&quot;:&quot;dhis2-academy.ispring.com&quot;,&quot;uploadSources&quot;:true}}"/>
  <p:tag name="ISPRING_SCREEN_RECS_UPDATED" val="D:\DHIS2_Projects\DHIS2Fundamentals2.0\DHIS2Customization\iSpring\4.1.2 Naming conventions\4.1.2 NamingConventions"/>
  <p:tag name="ISPRING_RESOURCE_FOLDER" val="D:\DHIS2_Projects\DHIS2Fundamentals2.0\DHIS2Customization\iSpring\4.1.2 Naming conventions\4.1.2 NamingConventions"/>
  <p:tag name="ISPRING_PRESENTATION_PATH" val="D:\DHIS2_Projects\DHIS2Fundamentals2.0\DHIS2Customization\iSpring\4.1.2 Naming conventions\4.1.2 NamingConventions.pptx"/>
  <p:tag name="ISPRING_PRESENTATION_INFO_2" val="&lt;?xml version=&quot;1.0&quot; encoding=&quot;UTF-8&quot; standalone=&quot;no&quot; ?&gt;&#10;&lt;presentation2&gt;&#10;&#10;  &lt;slides&gt;&#10;    &lt;slide id=&quot;{275A5A57-089B-44E0-876E-F85F56E1457E}&quot; pptId=&quot;299&quot;/&gt;&#10;    &lt;slide id=&quot;{29B714E7-05DE-4B55-A043-5294F85765DB}&quot; pptId=&quot;308&quot;/&gt;&#10;    &lt;slide id=&quot;{A3AEAC9A-FDD2-4D3C-B808-CA2330D1D1DB}&quot; pptId=&quot;309&quot;/&gt;&#10;    &lt;slide id=&quot;{9EAA48AD-10E9-4E23-89DB-AB44ED4E1DB8}&quot; pptId=&quot;311&quot;/&gt;&#10;    &lt;slide id=&quot;{10442DAE-08FF-4D64-8E5A-115242D3DCC4}&quot; pptId=&quot;313&quot;/&gt;&#10;    &lt;slide id=&quot;{06FC92D6-06FF-4461-B074-AA83C43E4E44}&quot; pptId=&quot;307&quot;/&gt;&#10;    &lt;slide id=&quot;{799B215C-C1E1-484B-A573-2FB4893B6600}&quot; pptId=&quot;327&quot;/&gt;&#10;    &lt;slide id=&quot;{FF3E5FBC-0180-4042-B2F4-E961618AC73E}&quot; pptId=&quot;329&quot;/&gt;&#10;    &lt;slide id=&quot;{AC7A20C3-AA5E-4E7F-8B62-AEBB359EB315}&quot; pptId=&quot;345&quot;/&gt;&#10;    &lt;slide id=&quot;{9C64A59E-8899-4764-96DA-A7153CE89117}&quot; pptId=&quot;314&quot;/&gt;&#10;    &lt;slide id=&quot;{6876990C-B4C9-4B51-92C7-5CD768D8DC08}&quot; pptId=&quot;316&quot;/&gt;&#10;    &lt;slide id=&quot;{7CC176FC-7ADF-4260-B969-31D84B2A6A16}&quot; pptId=&quot;315&quot;/&gt;&#10;    &lt;slide id=&quot;{2BD9ED69-87C0-4BAE-B501-0D558348F13C}&quot; pptId=&quot;317&quot;/&gt;&#10;    &lt;slide id=&quot;{5CE32D49-FC66-42FF-961D-351B307EEE2A}&quot; pptId=&quot;332&quot;/&gt;&#10;    &lt;slide id=&quot;{F014F1E4-CA0C-4F67-BA43-23773F5CC245}&quot; pptId=&quot;333&quot;/&gt;&#10;    &lt;slide id=&quot;{25ED38C9-D23E-4E46-921F-2769F532DEF4}&quot; pptId=&quot;334&quot;/&gt;&#10;    &lt;slide id=&quot;{84047520-6DF9-4047-9131-2FDF288D6401}&quot; pptId=&quot;335&quot;/&gt;&#10;    &lt;slide id=&quot;{4780C2A6-1202-4804-951A-8AA49C4B8566}&quot; pptId=&quot;336&quot;/&gt;&#10;    &lt;slide id=&quot;{C4D79EFD-7DF7-4794-869D-2260ED8812D9}&quot; pptId=&quot;337&quot;/&gt;&#10;    &lt;slide id=&quot;{6C3F9FCE-CD3A-49D9-B4D6-57C274D7A880}&quot; pptId=&quot;338&quot;/&gt;&#10;    &lt;slide id=&quot;{A3D81FA9-E04C-4F6F-9BA5-8B4C5EE335AE}&quot; pptId=&quot;323&quot;/&gt;&#10;    &lt;slide id=&quot;{69AB95A3-A7A8-4D61-8AD0-F143FCECA291}&quot; pptId=&quot;339&quot;/&gt;&#10;    &lt;slide id=&quot;{29068030-2978-46BD-AF2E-CAB7563F948B}&quot; pptId=&quot;340&quot;/&gt;&#10;    &lt;slide id=&quot;{440A7484-016C-4336-8563-B543A4DABE44}&quot; pptId=&quot;341&quot;/&gt;&#10;    &lt;slide id=&quot;{A4B83D66-E0E7-41BA-B655-3C84D88FCE02}&quot; pptId=&quot;342&quot;/&gt;&#10;    &lt;slide id=&quot;{8951E2E8-9241-4156-8C55-56FBE2AFF020}&quot; pptId=&quot;343&quot;/&gt;&#10;    &lt;slide id=&quot;{FFFECDFC-96E4-4523-BE5B-20724AA95D68}&quot; pptId=&quot;344&quot;/&gt;&#10;    &lt;slide id=&quot;{E8B5E165-D5E0-4B6C-B3C4-1CE065BB4FED}&quot; pptId=&quot;326&quot;/&gt;&#10;    &lt;slide id=&quot;{1FEAF22E-D1B3-45F4-B298-51A1390A9FBB}&quot; pptId=&quot;272&quot;/&gt;&#10;  &lt;/slides&gt;&#10;&#10;  &lt;narration&gt;&#10;    &lt;audioTracks&gt;&#10;      &lt;audioTrack muted=&quot;false&quot; name=&quot;outro&quot; resource=&quot;eea75108&quot; slideId=&quot;{1FEAF22E-D1B3-45F4-B298-51A1390A9FBB}&quot; startTime=&quot;0&quot; stepIndex=&quot;0&quot; volume=&quot;1&quot;&gt;&#10;        &lt;audio channels=&quot;2&quot; format=&quot;fltp&quot; sampleRate=&quot;44100&quot;/&gt;&#10;      &lt;/audioTrack&gt;&#10;      &lt;audioTrack muted=&quot;false&quot; name=&quot;intro&quot; resource=&quot;e5975125&quot; slideId=&quot;{275A5A57-089B-44E0-876E-F85F56E1457E}&quot; startTime=&quot;0&quot; stepIndex=&quot;0&quot; volume=&quot;1&quot;&gt;&#10;        &lt;audio channels=&quot;2&quot; format=&quot;fltp&quot; sampleRate=&quot;44100&quot;/&gt;&#10;      &lt;/audioTrack&gt;&#10;      &lt;audioTrack muted=&quot;false&quot; name=&quot;Text-to-speech clip — Audio  22&quot; resource=&quot;458d0e29&quot; slideId=&quot;&quot; startTime=&quot;0&quot; volume=&quot;1&quot;&gt;&#10;        &lt;audio channels=&quot;1&quot; format=&quot;fltp&quot; sampleRate=&quot;24000&quot;/&gt;&#10;      &lt;/audioTrack&gt;&#10;      &lt;audioTrack muted=&quot;false&quot; name=&quot;Slide 2&quot; resource=&quot;8a24b1cf&quot; slideId=&quot;{29B714E7-05DE-4B55-A043-5294F85765DB}&quot; startTime=&quot;0&quot; stepIndex=&quot;0&quot; volume=&quot;1&quot;&gt;&#10;        &lt;audio channels=&quot;2&quot; format=&quot;fltp&quot; sampleRate=&quot;48000&quot;/&gt;&#10;      &lt;/audioTrack&gt;&#10;      &lt;audioTrack muted=&quot;false&quot; name=&quot;Slide 3&quot; resource=&quot;0fe1d00c&quot; slideId=&quot;{A3AEAC9A-FDD2-4D3C-B808-CA2330D1D1DB}&quot; startTime=&quot;0&quot; stepIndex=&quot;0&quot; volume=&quot;1&quot;&gt;&#10;        &lt;audio channels=&quot;2&quot; format=&quot;fltp&quot; sampleRate=&quot;48000&quot;/&gt;&#10;      &lt;/audioTrack&gt;&#10;      &lt;audioTrack muted=&quot;false&quot; name=&quot;Slide 4&quot; resource=&quot;2dd6a895&quot; slideId=&quot;{9EAA48AD-10E9-4E23-89DB-AB44ED4E1DB8}&quot; startTime=&quot;0&quot; stepIndex=&quot;0&quot; volume=&quot;1&quot;&gt;&#10;        &lt;audio channels=&quot;2&quot; format=&quot;fltp&quot; sampleRate=&quot;48000&quot;/&gt;&#10;      &lt;/audioTrack&gt;&#10;      &lt;audioTrack muted=&quot;false&quot; name=&quot;Slide 5&quot; resource=&quot;aeff46c5&quot; slideId=&quot;{10442DAE-08FF-4D64-8E5A-115242D3DCC4}&quot; startTime=&quot;0&quot; stepIndex=&quot;0&quot; volume=&quot;1&quot;&gt;&#10;        &lt;audio channels=&quot;2&quot; format=&quot;fltp&quot; sampleRate=&quot;48000&quot;/&gt;&#10;      &lt;/audioTrack&gt;&#10;      &lt;audioTrack muted=&quot;false&quot; name=&quot;Slide 6&quot; resource=&quot;d9e175ce&quot; slideId=&quot;{06FC92D6-06FF-4461-B074-AA83C43E4E44}&quot; startTime=&quot;0&quot; stepIndex=&quot;0&quot; volume=&quot;1&quot;&gt;&#10;        &lt;audio channels=&quot;2&quot; format=&quot;fltp&quot; sampleRate=&quot;48000&quot;/&gt;&#10;      &lt;/audioTrack&gt;&#10;      &lt;audioTrack muted=&quot;false&quot; name=&quot;Slide 7&quot; resource=&quot;fac681b9&quot; slideId=&quot;{799B215C-C1E1-484B-A573-2FB4893B6600}&quot; startTime=&quot;0&quot; stepIndex=&quot;0&quot; volume=&quot;1&quot;&gt;&#10;        &lt;audio channels=&quot;2&quot; format=&quot;fltp&quot; sampleRate=&quot;48000&quot;/&gt;&#10;      &lt;/audioTrack&gt;&#10;      &lt;audioTrack muted=&quot;false&quot; name=&quot;Slide 8&quot; resource=&quot;d656d0b7&quot; slideId=&quot;{FF3E5FBC-0180-4042-B2F4-E961618AC73E}&quot; startTime=&quot;0&quot; stepIndex=&quot;0&quot; volume=&quot;1&quot;&gt;&#10;        &lt;audio channels=&quot;2&quot; format=&quot;fltp&quot; sampleRate=&quot;48000&quot;/&gt;&#10;      &lt;/audioTrack&gt;&#10;      &lt;audioTrack muted=&quot;false&quot; name=&quot;Slide 9&quot; resource=&quot;ec9d4c11&quot; slideId=&quot;{AC7A20C3-AA5E-4E7F-8B62-AEBB359EB315}&quot; startTime=&quot;0&quot; stepIndex=&quot;0&quot; volume=&quot;1&quot;&gt;&#10;        &lt;audio channels=&quot;2&quot; format=&quot;fltp&quot; sampleRate=&quot;48000&quot;/&gt;&#10;      &lt;/audioTrack&gt;&#10;      &lt;audioTrack muted=&quot;false&quot; name=&quot;Slide 10&quot; resource=&quot;fc6de84d&quot; slideId=&quot;{9C64A59E-8899-4764-96DA-A7153CE89117}&quot; startTime=&quot;0&quot; stepIndex=&quot;0&quot; volume=&quot;1&quot;&gt;&#10;        &lt;audio channels=&quot;2&quot; format=&quot;fltp&quot; sampleRate=&quot;48000&quot;/&gt;&#10;      &lt;/audioTrack&gt;&#10;      &lt;audioTrack muted=&quot;false&quot; name=&quot;Slide 11&quot; resource=&quot;43125729&quot; slideId=&quot;{6876990C-B4C9-4B51-92C7-5CD768D8DC08}&quot; startTime=&quot;0&quot; stepIndex=&quot;0&quot; volume=&quot;1&quot;&gt;&#10;        &lt;audio channels=&quot;2&quot; format=&quot;fltp&quot; sampleRate=&quot;48000&quot;/&gt;&#10;      &lt;/audioTrack&gt;&#10;      &lt;audioTrack muted=&quot;false&quot; name=&quot;Slide 14&quot; resource=&quot;b609d0af&quot; slideId=&quot;{5CE32D49-FC66-42FF-961D-351B307EEE2A}&quot; startTime=&quot;0&quot; stepIndex=&quot;0&quot; volume=&quot;1&quot;&gt;&#10;        &lt;audio channels=&quot;2&quot; format=&quot;fltp&quot; sampleRate=&quot;48000&quot;/&gt;&#10;      &lt;/audioTrack&gt;&#10;      &lt;audioTrack muted=&quot;false&quot; name=&quot;Slide 15&quot; resource=&quot;395e6171&quot; slideId=&quot;{F014F1E4-CA0C-4F67-BA43-23773F5CC245}&quot; startTime=&quot;0&quot; stepIndex=&quot;0&quot; volume=&quot;1&quot;&gt;&#10;        &lt;audio channels=&quot;2&quot; format=&quot;fltp&quot; sampleRate=&quot;48000&quot;/&gt;&#10;      &lt;/audioTrack&gt;&#10;      &lt;audioTrack muted=&quot;false&quot; name=&quot;Slide 16&quot; resource=&quot;95b3b455&quot; slideId=&quot;{25ED38C9-D23E-4E46-921F-2769F532DEF4}&quot; startTime=&quot;0&quot; stepIndex=&quot;0&quot; volume=&quot;1&quot;&gt;&#10;        &lt;audio channels=&quot;2&quot; format=&quot;fltp&quot; sampleRate=&quot;48000&quot;/&gt;&#10;      &lt;/audioTrack&gt;&#10;      &lt;audioTrack muted=&quot;false&quot; name=&quot;Slide 17&quot; resource=&quot;02dc57be&quot; slideId=&quot;{84047520-6DF9-4047-9131-2FDF288D6401}&quot; startTime=&quot;0&quot; stepIndex=&quot;0&quot; volume=&quot;1&quot;&gt;&#10;        &lt;audio channels=&quot;2&quot; format=&quot;fltp&quot; sampleRate=&quot;48000&quot;/&gt;&#10;      &lt;/audioTrack&gt;&#10;      &lt;audioTrack muted=&quot;false&quot; name=&quot;Slide 18&quot; resource=&quot;9f480a96&quot; slideId=&quot;{4780C2A6-1202-4804-951A-8AA49C4B8566}&quot; startTime=&quot;0&quot; stepIndex=&quot;0&quot; volume=&quot;1&quot;&gt;&#10;        &lt;audio channels=&quot;2&quot; format=&quot;fltp&quot; sampleRate=&quot;48000&quot;/&gt;&#10;      &lt;/audioTrack&gt;&#10;      &lt;audioTrack muted=&quot;false&quot; name=&quot;Slide 19&quot; resource=&quot;d47c438b&quot; slideId=&quot;{C4D79EFD-7DF7-4794-869D-2260ED8812D9}&quot; startTime=&quot;0&quot; stepIndex=&quot;0&quot; volume=&quot;1&quot;&gt;&#10;        &lt;audio channels=&quot;2&quot; format=&quot;fltp&quot; sampleRate=&quot;48000&quot;/&gt;&#10;      &lt;/audioTrack&gt;&#10;      &lt;audioTrack muted=&quot;false&quot; name=&quot;Slide 20&quot; resource=&quot;84dc9f12&quot; slideId=&quot;{6C3F9FCE-CD3A-49D9-B4D6-57C274D7A880}&quot; startTime=&quot;0&quot; stepIndex=&quot;0&quot; volume=&quot;1&quot;&gt;&#10;        &lt;audio channels=&quot;2&quot; format=&quot;fltp&quot; sampleRate=&quot;48000&quot;/&gt;&#10;      &lt;/audioTrack&gt;&#10;      &lt;audioTrack muted=&quot;false&quot; name=&quot;Slide 21&quot; resource=&quot;3e29b2c3&quot; slideId=&quot;{A3D81FA9-E04C-4F6F-9BA5-8B4C5EE335AE}&quot; startTime=&quot;0&quot; stepIndex=&quot;0&quot; volume=&quot;1&quot;&gt;&#10;        &lt;audio channels=&quot;2&quot; format=&quot;fltp&quot; sampleRate=&quot;48000&quot;/&gt;&#10;      &lt;/audioTrack&gt;&#10;      &lt;audioTrack muted=&quot;false&quot; name=&quot;Slide 22&quot; resource=&quot;897e5b5a&quot; slideId=&quot;{69AB95A3-A7A8-4D61-8AD0-F143FCECA291}&quot; startTime=&quot;0&quot; stepIndex=&quot;0&quot; volume=&quot;1&quot;&gt;&#10;        &lt;audio channels=&quot;2&quot; format=&quot;fltp&quot; sampleRate=&quot;48000&quot;/&gt;&#10;      &lt;/audioTrack&gt;&#10;      &lt;audioTrack muted=&quot;false&quot; name=&quot;Slide 23&quot; resource=&quot;ad6dfb80&quot; slideId=&quot;{29068030-2978-46BD-AF2E-CAB7563F948B}&quot; startTime=&quot;0&quot; stepIndex=&quot;0&quot; volume=&quot;1&quot;&gt;&#10;        &lt;audio channels=&quot;2&quot; format=&quot;fltp&quot; sampleRate=&quot;48000&quot;/&gt;&#10;      &lt;/audioTrack&gt;&#10;      &lt;audioTrack muted=&quot;false&quot; name=&quot;Slide 24&quot; resource=&quot;e9871a2c&quot; slideId=&quot;{440A7484-016C-4336-8563-B543A4DABE44}&quot; startTime=&quot;0&quot; stepIndex=&quot;0&quot; volume=&quot;1&quot;&gt;&#10;        &lt;audio channels=&quot;2&quot; format=&quot;fltp&quot; sampleRate=&quot;48000&quot;/&gt;&#10;      &lt;/audioTrack&gt;&#10;      &lt;audioTrack muted=&quot;false&quot; name=&quot;Slide 25&quot; resource=&quot;8efa4c0c&quot; slideId=&quot;{A4B83D66-E0E7-41BA-B655-3C84D88FCE02}&quot; startTime=&quot;0&quot; stepIndex=&quot;0&quot; volume=&quot;1&quot;&gt;&#10;        &lt;audio channels=&quot;2&quot; format=&quot;fltp&quot; sampleRate=&quot;48000&quot;/&gt;&#10;      &lt;/audioTrack&gt;&#10;      &lt;audioTrack muted=&quot;false&quot; name=&quot;Slide 26&quot; resource=&quot;fb8484d8&quot; slideId=&quot;{8951E2E8-9241-4156-8C55-56FBE2AFF020}&quot; startTime=&quot;0&quot; stepIndex=&quot;0&quot; volume=&quot;1&quot;&gt;&#10;        &lt;audio channels=&quot;2&quot; format=&quot;fltp&quot; sampleRate=&quot;48000&quot;/&gt;&#10;      &lt;/audioTrack&gt;&#10;      &lt;audioTrack muted=&quot;false&quot; name=&quot;Slide 27&quot; resource=&quot;7405e64b&quot; slideId=&quot;{FFFECDFC-96E4-4523-BE5B-20724AA95D68}&quot; startTime=&quot;0&quot; stepIndex=&quot;0&quot; volume=&quot;1&quot;&gt;&#10;        &lt;audio channels=&quot;2&quot; format=&quot;fltp&quot; sampleRate=&quot;48000&quot;/&gt;&#10;      &lt;/audioTrack&gt;&#10;      &lt;audioTrack muted=&quot;false&quot; name=&quot;Slide 28&quot; resource=&quot;08a2a65a&quot; slideId=&quot;{E8B5E165-D5E0-4B6C-B3C4-1CE065BB4FED}&quot; startTime=&quot;0&quot; stepIndex=&quot;0&quot; volume=&quot;1&quot;&gt;&#10;        &lt;audio channels=&quot;2&quot; format=&quot;fltp&quot; sampleRate=&quot;48000&quot;/&gt;&#10;      &lt;/audioTrack&gt;&#10;      &lt;audioTrack muted=&quot;false&quot; name=&quot;Slide 12&quot; resource=&quot;c3bc62a2&quot; slideId=&quot;{7CC176FC-7ADF-4260-B969-31D84B2A6A16}&quot; startTime=&quot;0&quot; stepIndex=&quot;0&quot; volume=&quot;1&quot;&gt;&#10;        &lt;audio channels=&quot;2&quot; format=&quot;fltp&quot; sampleRate=&quot;48000&quot;/&gt;&#10;      &lt;/audioTrack&gt;&#10;      &lt;audioTrack muted=&quot;false&quot; name=&quot;Slide 13&quot; resource=&quot;dc9b50b1&quot; slideId=&quot;{2BD9ED69-87C0-4BAE-B501-0D558348F13C}&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43F33C9-D1D2-4494-804A-C3CE8AC81631}:345"/>
  <p:tag name="GENSWF_ADVANCE_TIME" val="14.448"/>
  <p:tag name="TIMING" val="|1.773|7.393"/>
  <p:tag name="ISPRING_SLIDE_ID_2" val="{AC7A20C3-AA5E-4E7F-8B62-AEBB359EB315}"/>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9389B2D-898B-48D8-9E6C-BB21C3F5A190}:314"/>
  <p:tag name="GENSWF_ADVANCE_TIME" val="22.416"/>
  <p:tag name="TIMING" val="|1.217|1.449|2.751|4.188|3.813"/>
  <p:tag name="ISPRING_SLIDE_ID_2" val="{9C64A59E-8899-4764-96DA-A7153CE89117}"/>
</p:tagLst>
</file>

<file path=ppt/tags/tag12.xml><?xml version="1.0" encoding="utf-8"?>
<p:tagLst xmlns:a="http://schemas.openxmlformats.org/drawingml/2006/main" xmlns:r="http://schemas.openxmlformats.org/officeDocument/2006/relationships" xmlns:p="http://schemas.openxmlformats.org/presentationml/2006/main">
  <p:tag name="TIMING" val="|1.51|0.716|2.752|3.632|4.38|1.642"/>
  <p:tag name="ISPRING_CUSTOM_TIMING_USED" val="1"/>
  <p:tag name="ISPRING_SLIDE_INDENT_LEVEL" val="0"/>
  <p:tag name="GENSWF_SLIDE_UID" val="{3EF9A0B9-C4D3-4B04-8728-E515A1C009BD}:316"/>
  <p:tag name="GENSWF_ADVANCE_TIME" val="24.864"/>
  <p:tag name="ISPRING_SLIDE_ID_2" val="{6876990C-B4C9-4B51-92C7-5CD768D8DC08}"/>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B3BCEA6-3C62-4DD5-975A-EE6F3BFEE25E}:315"/>
  <p:tag name="GENSWF_ADVANCE_TIME" val="41.424"/>
  <p:tag name="TIMING" val="|1.018|1.5|8.673|9.656|1.234|7.657|1.174|1.122|2.938"/>
  <p:tag name="ISPRING_SLIDE_ID_2" val="{7CC176FC-7ADF-4260-B969-31D84B2A6A16}"/>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D2C135C-2A4D-4974-AFE2-4879F3AA175C}:317"/>
  <p:tag name="GENSWF_ADVANCE_TIME" val="12.912"/>
  <p:tag name="TIMING" val="|7.971"/>
  <p:tag name="ISPRING_SLIDE_ID_2" val="{2BD9ED69-87C0-4BAE-B501-0D558348F13C}"/>
</p:tagLst>
</file>

<file path=ppt/tags/tag1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2E4038D-2898-475D-BAAA-35A146008920}:332"/>
  <p:tag name="GENSWF_ADVANCE_TIME" val="24.624"/>
  <p:tag name="TIMING" val="|2.285|11.263|8.079"/>
  <p:tag name="ISPRING_SLIDE_ID_2" val="{5CE32D49-FC66-42FF-961D-351B307EEE2A}"/>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5.187"/>
  <p:tag name="ISPRING_CUSTOM_TIMING_USED" val="1"/>
  <p:tag name="ISPRING_SLIDE_INDENT_LEVEL" val="0"/>
  <p:tag name="GENSWF_SLIDE_UID" val="{DBDFE7D7-DFEF-41D8-B243-AC242FE21C10}:333"/>
  <p:tag name="TIMING" val="|3.166|0.767"/>
  <p:tag name="ISPRING_SLIDE_ID_2" val="{F014F1E4-CA0C-4F67-BA43-23773F5CC245}"/>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9.504"/>
  <p:tag name="ISPRING_CUSTOM_TIMING_USED" val="1"/>
  <p:tag name="ISPRING_SLIDE_INDENT_LEVEL" val="0"/>
  <p:tag name="GENSWF_SLIDE_UID" val="{45B1D4A1-CE03-4847-B36E-F28A162A26EE}:334"/>
  <p:tag name="TIMING" val="|1.463|5.11"/>
  <p:tag name="ISPRING_SLIDE_ID_2" val="{25ED38C9-D23E-4E46-921F-2769F532DEF4}"/>
</p:tagLst>
</file>

<file path=ppt/tags/tag1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5FAC09F9-608C-4667-A765-742F2D0037C3}:335"/>
  <p:tag name="GENSWF_ADVANCE_TIME" val="11.208"/>
  <p:tag name="TIMING" val="|1.855"/>
  <p:tag name="ISPRING_SLIDE_ID_2" val="{84047520-6DF9-4047-9131-2FDF288D6401}"/>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8FA330A-5A55-491D-9924-B55228E74DC2}:336"/>
  <p:tag name="GENSWF_ADVANCE_TIME" val="12.456"/>
  <p:tag name="TIMING" val="|3.38|1.579|5.14"/>
  <p:tag name="ISPRING_SLIDE_ID_2" val="{4780C2A6-1202-4804-951A-8AA49C4B8566}"/>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75A5A57-089B-44E0-876E-F85F56E1457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50C8CCC2-112A-473C-8266-F24022266AD5}:337"/>
  <p:tag name="GENSWF_ADVANCE_TIME" val="35.664"/>
  <p:tag name="TIMING" val="|3.272|1.72|1.687|1.485|1.795|4.938|13.626|1.658|2.154|2.187"/>
  <p:tag name="ISPRING_SLIDE_ID_2" val="{C4D79EFD-7DF7-4794-869D-2260ED8812D9}"/>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3548B610-2925-465E-97F2-F9D2A88F3126}:338"/>
  <p:tag name="GENSWF_ADVANCE_TIME" val="14.328"/>
  <p:tag name="TIMING" val="|1.084|6.674|2.294"/>
  <p:tag name="ISPRING_SLIDE_ID_2" val="{6C3F9FCE-CD3A-49D9-B4D6-57C274D7A880}"/>
</p:tagLst>
</file>

<file path=ppt/tags/tag2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6C869CAD-9A9E-40D9-A071-3D13E1C41662}:323"/>
  <p:tag name="GENSWF_ADVANCE_TIME" val="20.232"/>
  <p:tag name="TIMING" val="|8.316|1.141|2.234|2.343|1.687"/>
  <p:tag name="ISPRING_SLIDE_ID_2" val="{A3D81FA9-E04C-4F6F-9BA5-8B4C5EE335AE}"/>
</p:tagLst>
</file>

<file path=ppt/tags/tag2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7D400C4-AB07-4549-BC97-74BAB665E6E1}:339"/>
  <p:tag name="GENSWF_ADVANCE_TIME" val="14.832"/>
  <p:tag name="TIMING" val="|9.013|0.767|0.765|0.643"/>
  <p:tag name="ISPRING_SLIDE_ID_2" val="{69AB95A3-A7A8-4D61-8AD0-F143FCECA291}"/>
</p:tagLst>
</file>

<file path=ppt/tags/tag2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3559409F-DBD7-43A9-9871-7241E1A999BB}:340"/>
  <p:tag name="GENSWF_ADVANCE_TIME" val="13.231"/>
  <p:tag name="TIMING" val="|0.662|5|5.313|0.656|0.718"/>
  <p:tag name="ISPRING_SLIDE_ID_2" val="{29068030-2978-46BD-AF2E-CAB7563F948B}"/>
</p:tagLst>
</file>

<file path=ppt/tags/tag2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97A5BC3-D1C6-4913-963F-7EE692C8D264}:341"/>
  <p:tag name="GENSWF_ADVANCE_TIME" val="11.496"/>
  <p:tag name="TIMING" val="|2.049"/>
  <p:tag name="ISPRING_SLIDE_ID_2" val="{440A7484-016C-4336-8563-B543A4DABE44}"/>
</p:tagLst>
</file>

<file path=ppt/tags/tag2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C4337606-6F26-46AC-BAA6-0C05A893B706}:342"/>
  <p:tag name="GENSWF_ADVANCE_TIME" val="22.656"/>
  <p:tag name="TIMING" val="|8.96|5.955"/>
  <p:tag name="ISPRING_SLIDE_ID_2" val="{A4B83D66-E0E7-41BA-B655-3C84D88FCE02}"/>
</p:tagLst>
</file>

<file path=ppt/tags/tag27.xml><?xml version="1.0" encoding="utf-8"?>
<p:tagLst xmlns:a="http://schemas.openxmlformats.org/drawingml/2006/main" xmlns:r="http://schemas.openxmlformats.org/officeDocument/2006/relationships" xmlns:p="http://schemas.openxmlformats.org/presentationml/2006/main">
  <p:tag name="GENSWF_ADVANCE_TIME" val="4.054"/>
  <p:tag name="ISPRING_CUSTOM_TIMING_USED" val="1"/>
  <p:tag name="ISPRING_SLIDE_INDENT_LEVEL" val="0"/>
  <p:tag name="GENSWF_SLIDE_UID" val="{ED815C29-D4A8-4D26-A234-7511A881371F}:343"/>
  <p:tag name="ISPRING_SLIDE_ID_2" val="{8951E2E8-9241-4156-8C55-56FBE2AFF020}"/>
</p:tagLst>
</file>

<file path=ppt/tags/tag2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55E51BF1-06B0-4E10-8AF1-9DA56F51CC7C}:344"/>
  <p:tag name="GENSWF_ADVANCE_TIME" val="11.232"/>
  <p:tag name="ISPRING_SLIDE_ID_2" val="{FFFECDFC-96E4-4523-BE5B-20724AA95D68}"/>
</p:tagLst>
</file>

<file path=ppt/tags/tag2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FC2373B-5FC5-4EBA-A024-0503956BA646}:326"/>
  <p:tag name="GENSWF_ADVANCE_TIME" val="38.688"/>
  <p:tag name="TIMING" val="|1.897|9.126|1.064|8.502|2.761|2.565|3.342|4.487"/>
  <p:tag name="ISPRING_SLIDE_ID_2" val="{E8B5E165-D5E0-4B6C-B3C4-1CE065BB4FE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A0DB871C-2087-4399-8485-7698E6C2BA95}:308"/>
  <p:tag name="GENSWF_ADVANCE_TIME" val="8.904"/>
  <p:tag name="TIMING" val="|1.084"/>
  <p:tag name="ISPRING_SLIDE_ID_2" val="{29B714E7-05DE-4B55-A043-5294F85765DB}"/>
</p:tagLst>
</file>

<file path=ppt/tags/tag3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1FEAF22E-D1B3-45F4-B298-51A1390A9FBB}"/>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2B5BD5-98D7-4A8E-A8CF-F95B1BCADF8E}:309"/>
  <p:tag name="GENSWF_ADVANCE_TIME" val="15.528"/>
  <p:tag name="TIMING" val="|1.375|4.83"/>
  <p:tag name="ISPRING_SLIDE_ID_2" val="{A3AEAC9A-FDD2-4D3C-B808-CA2330D1D1DB}"/>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87A0C84-144A-482C-A362-BA5D190B2D84}:311"/>
  <p:tag name="GENSWF_ADVANCE_TIME" val="6.864"/>
  <p:tag name="TIMING" val="|1.503|2.963"/>
  <p:tag name="ISPRING_SLIDE_ID_2" val="{9EAA48AD-10E9-4E23-89DB-AB44ED4E1DB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254AC21-5168-4AB9-9E44-68CE9EB71417}:313"/>
  <p:tag name="GENSWF_ADVANCE_TIME" val="11.904"/>
  <p:tag name="TIMING" val="|2.574|5.22"/>
  <p:tag name="ISPRING_SLIDE_ID_2" val="{10442DAE-08FF-4D64-8E5A-115242D3DCC4}"/>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CF9F67B1-ED6A-414B-AC28-11F5D4DD783C}:307"/>
  <p:tag name="GENSWF_ADVANCE_TIME" val="10.992"/>
  <p:tag name="TIMING" val="|1.487|4.17"/>
  <p:tag name="ISPRING_SLIDE_ID_2" val="{06FC92D6-06FF-4461-B074-AA83C43E4E44}"/>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A8D1FC37-90E7-4B7E-A4AD-3A02B19F46F6}:327"/>
  <p:tag name="GENSWF_ADVANCE_TIME" val="8.520"/>
  <p:tag name="TIMING" val="|1.834"/>
  <p:tag name="ISPRING_SLIDE_ID_2" val="{799B215C-C1E1-484B-A573-2FB4893B6600}"/>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AABA2010-4955-4BB5-81E1-9A59A3F3B65F}:329"/>
  <p:tag name="GENSWF_ADVANCE_TIME" val="24.864"/>
  <p:tag name="TIMING" val="|1.43|1.676|6.464|7.142"/>
  <p:tag name="ISPRING_SLIDE_ID_2" val="{FF3E5FBC-0180-4042-B2F4-E961618AC73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sz="2800" smtClean="0"/>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lnSpc>
            <a:spcPts val="3300"/>
          </a:lnSpc>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9717</TotalTime>
  <Words>1746</Words>
  <Application>Microsoft Macintosh PowerPoint</Application>
  <PresentationFormat>Widescreen</PresentationFormat>
  <Paragraphs>177</Paragraphs>
  <Slides>29</Slides>
  <Notes>2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9</vt:i4>
      </vt:variant>
    </vt:vector>
  </HeadingPairs>
  <TitlesOfParts>
    <vt:vector size="3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In this video, you will see…</vt:lpstr>
      <vt:lpstr>Stardardized method of naming</vt:lpstr>
      <vt:lpstr>Stardardized method of naming</vt:lpstr>
      <vt:lpstr>Where no protocols are being followed…</vt:lpstr>
      <vt:lpstr>Where no protocols are being followed…</vt:lpstr>
      <vt:lpstr>Naming principles </vt:lpstr>
      <vt:lpstr>Naming principles</vt:lpstr>
      <vt:lpstr>Naming principl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Example: Applying good naming practices</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2 Naming conventions</dc:title>
  <dc:subject>elearning</dc:subject>
  <dc:creator>Alejandra Avila</dc:creator>
  <cp:lastModifiedBy>Simona Sekerova</cp:lastModifiedBy>
  <cp:revision>503</cp:revision>
  <cp:lastPrinted>2021-06-09T13:32:46Z</cp:lastPrinted>
  <dcterms:created xsi:type="dcterms:W3CDTF">2021-02-03T12:41:27Z</dcterms:created>
  <dcterms:modified xsi:type="dcterms:W3CDTF">2023-04-18T08:27:37Z</dcterms:modified>
</cp:coreProperties>
</file>